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702\04_積算システムグループ\00_【建築関係】\令和6年度\99_その他\ホームページ・イントラ更新\ホームページ更新\R60501 更新（規格表改定・積算チェックマニュアル修正）\チェックマニュアル修正\"/>
    </mc:Choice>
  </mc:AlternateContent>
  <bookViews>
    <workbookView xWindow="-12" yWindow="-12" windowWidth="6360" windowHeight="6816" tabRatio="612"/>
  </bookViews>
  <sheets>
    <sheet name="数量算出ﾁｪｯｸﾘｽﾄ表紙" sheetId="23" r:id="rId1"/>
    <sheet name="数量算出ﾁｪｯｯｸﾘｽﾄ" sheetId="24" r:id="rId2"/>
    <sheet name="積算数量調書ﾁｪｯｸﾘｽﾄ表紙" sheetId="26" r:id="rId3"/>
    <sheet name="積算数量調書ﾁｪｯｯｸﾘｽﾄ" sheetId="30" r:id="rId4"/>
    <sheet name="単価資料等ﾁｪｯｸﾘｽﾄ表紙" sheetId="35" r:id="rId5"/>
    <sheet name="単価資料等ﾁｪｯｸﾘｽﾄ" sheetId="36" r:id="rId6"/>
    <sheet name="単価等設定ﾁｪｯｸﾘｽﾄ" sheetId="37" r:id="rId7"/>
  </sheets>
  <definedNames>
    <definedName name="_xlnm.Print_Area" localSheetId="0">数量算出ﾁｪｯｸﾘｽﾄ表紙!$A$1:$I$58</definedName>
    <definedName name="_xlnm.Print_Area" localSheetId="1">数量算出ﾁｪｯｯｸﾘｽﾄ!$B$1:$H$641</definedName>
    <definedName name="_xlnm.Print_Area" localSheetId="2">積算数量調書ﾁｪｯｸﾘｽﾄ表紙!$A$1:$I$58</definedName>
    <definedName name="_xlnm.Print_Area" localSheetId="3">積算数量調書ﾁｪｯｯｸﾘｽﾄ!$B$1:$G$392</definedName>
    <definedName name="_xlnm.Print_Area" localSheetId="5">単価資料等ﾁｪｯｸﾘｽﾄ!$A$1:$D$202</definedName>
    <definedName name="_xlnm.Print_Area" localSheetId="4">単価資料等ﾁｪｯｸﾘｽﾄ表紙!$A$1:$I$58</definedName>
    <definedName name="_xlnm.Print_Area" localSheetId="6">単価等設定ﾁｪｯｸﾘｽﾄ!$A$1:$C$100</definedName>
    <definedName name="解説">#REF!</definedName>
    <definedName name="基準単価" localSheetId="0">#REF!</definedName>
    <definedName name="基準単価" localSheetId="1">#REF!</definedName>
    <definedName name="基準単価" localSheetId="2">#REF!</definedName>
    <definedName name="基準単価" localSheetId="3">#REF!</definedName>
    <definedName name="基準単価" localSheetId="5">#REF!</definedName>
    <definedName name="基準単価" localSheetId="4">#REF!</definedName>
    <definedName name="基準単価" localSheetId="6">#REF!</definedName>
    <definedName name="基準単価">#REF!</definedName>
  </definedNames>
  <calcPr calcId="152511"/>
</workbook>
</file>

<file path=xl/sharedStrings.xml><?xml version="1.0" encoding="utf-8"?>
<sst xmlns="http://schemas.openxmlformats.org/spreadsheetml/2006/main" count="2339" uniqueCount="890">
  <si>
    <t>　量水器</t>
    <rPh sb="1" eb="2">
      <t>リョウ</t>
    </rPh>
    <rPh sb="2" eb="3">
      <t>スイ</t>
    </rPh>
    <rPh sb="3" eb="4">
      <t>キ</t>
    </rPh>
    <phoneticPr fontId="12"/>
  </si>
  <si>
    <t>２．数量基準</t>
    <rPh sb="2" eb="4">
      <t>スウリョウ</t>
    </rPh>
    <rPh sb="4" eb="6">
      <t>キジュン</t>
    </rPh>
    <phoneticPr fontId="12"/>
  </si>
  <si>
    <t>　ポンプ付属品</t>
    <rPh sb="4" eb="7">
      <t>フゾクヒン</t>
    </rPh>
    <phoneticPr fontId="12"/>
  </si>
  <si>
    <t>１　機器数量</t>
    <rPh sb="2" eb="4">
      <t>キキ</t>
    </rPh>
    <rPh sb="4" eb="6">
      <t>スウリョウ</t>
    </rPh>
    <phoneticPr fontId="12"/>
  </si>
  <si>
    <t>２　搬入・据付</t>
    <rPh sb="2" eb="4">
      <t>ハンニュウ</t>
    </rPh>
    <rPh sb="5" eb="7">
      <t>スエツケ</t>
    </rPh>
    <phoneticPr fontId="12"/>
  </si>
  <si>
    <t>　搬入</t>
    <rPh sb="1" eb="3">
      <t>ハンニュウ</t>
    </rPh>
    <phoneticPr fontId="12"/>
  </si>
  <si>
    <t>　据付</t>
    <rPh sb="1" eb="3">
      <t>スエツケ</t>
    </rPh>
    <phoneticPr fontId="12"/>
  </si>
  <si>
    <t>　型枠</t>
    <rPh sb="1" eb="3">
      <t>カタワク</t>
    </rPh>
    <phoneticPr fontId="12"/>
  </si>
  <si>
    <t>　鉄筋</t>
    <rPh sb="1" eb="3">
      <t>テッキン</t>
    </rPh>
    <phoneticPr fontId="12"/>
  </si>
  <si>
    <t>　保温</t>
    <rPh sb="1" eb="3">
      <t>ホオン</t>
    </rPh>
    <phoneticPr fontId="12"/>
  </si>
  <si>
    <t>　長方形ダクト</t>
    <rPh sb="1" eb="4">
      <t>チョウホウケイ</t>
    </rPh>
    <phoneticPr fontId="12"/>
  </si>
  <si>
    <t>　チャンバー類</t>
    <rPh sb="6" eb="7">
      <t>ルイ</t>
    </rPh>
    <phoneticPr fontId="12"/>
  </si>
  <si>
    <t>　消音エルボ</t>
    <rPh sb="1" eb="3">
      <t>ショウオン</t>
    </rPh>
    <phoneticPr fontId="12"/>
  </si>
  <si>
    <t>２　ダクト付属品</t>
    <rPh sb="5" eb="8">
      <t>フゾクヒン</t>
    </rPh>
    <phoneticPr fontId="12"/>
  </si>
  <si>
    <t>　たわみ継手</t>
    <rPh sb="4" eb="6">
      <t>ツギテ</t>
    </rPh>
    <phoneticPr fontId="12"/>
  </si>
  <si>
    <t>　風量測定口</t>
    <rPh sb="1" eb="3">
      <t>フウリョウ</t>
    </rPh>
    <rPh sb="3" eb="5">
      <t>ソクテイ</t>
    </rPh>
    <rPh sb="5" eb="6">
      <t>クチ</t>
    </rPh>
    <phoneticPr fontId="12"/>
  </si>
  <si>
    <t>　温度計</t>
    <rPh sb="1" eb="4">
      <t>オンドケイ</t>
    </rPh>
    <phoneticPr fontId="12"/>
  </si>
  <si>
    <t>１　配管</t>
    <rPh sb="2" eb="4">
      <t>ハイカン</t>
    </rPh>
    <phoneticPr fontId="12"/>
  </si>
  <si>
    <t>　配管</t>
    <rPh sb="1" eb="3">
      <t>ハイカン</t>
    </rPh>
    <phoneticPr fontId="12"/>
  </si>
  <si>
    <t>２　配管付属品</t>
    <rPh sb="2" eb="4">
      <t>ハイカン</t>
    </rPh>
    <rPh sb="4" eb="7">
      <t>フゾクヒン</t>
    </rPh>
    <phoneticPr fontId="12"/>
  </si>
  <si>
    <t>　弁装置</t>
    <rPh sb="1" eb="4">
      <t>ベンソウチ</t>
    </rPh>
    <phoneticPr fontId="12"/>
  </si>
  <si>
    <t>３　計器類</t>
    <rPh sb="2" eb="5">
      <t>ケイキルイ</t>
    </rPh>
    <phoneticPr fontId="12"/>
  </si>
  <si>
    <t>　瞬間流量計</t>
    <rPh sb="1" eb="3">
      <t>シュンカン</t>
    </rPh>
    <rPh sb="3" eb="6">
      <t>リュウリョウケイ</t>
    </rPh>
    <phoneticPr fontId="12"/>
  </si>
  <si>
    <t>チェック項目</t>
    <rPh sb="4" eb="6">
      <t>コウモク</t>
    </rPh>
    <phoneticPr fontId="13"/>
  </si>
  <si>
    <t>チェック内容</t>
    <rPh sb="4" eb="6">
      <t>ナイヨウ</t>
    </rPh>
    <phoneticPr fontId="13"/>
  </si>
  <si>
    <t>確認</t>
    <rPh sb="0" eb="2">
      <t>カクニン</t>
    </rPh>
    <phoneticPr fontId="13"/>
  </si>
  <si>
    <t>仕</t>
    <rPh sb="0" eb="1">
      <t>シ</t>
    </rPh>
    <phoneticPr fontId="13"/>
  </si>
  <si>
    <t>数</t>
    <rPh sb="0" eb="1">
      <t>カズ</t>
    </rPh>
    <phoneticPr fontId="13"/>
  </si>
  <si>
    <t>　円形ダクト</t>
    <rPh sb="1" eb="3">
      <t>エンケイ</t>
    </rPh>
    <phoneticPr fontId="12"/>
  </si>
  <si>
    <t>　鋼製支持架台等</t>
    <rPh sb="1" eb="3">
      <t>コウセイ</t>
    </rPh>
    <phoneticPr fontId="12"/>
  </si>
  <si>
    <t>１　ダクト共通</t>
    <rPh sb="5" eb="7">
      <t>キョウツウ</t>
    </rPh>
    <phoneticPr fontId="12"/>
  </si>
  <si>
    <t>　土工機械</t>
    <rPh sb="1" eb="3">
      <t>ドコウ</t>
    </rPh>
    <rPh sb="3" eb="5">
      <t>キカイ</t>
    </rPh>
    <phoneticPr fontId="12"/>
  </si>
  <si>
    <t>　・排水設備に含む。</t>
    <rPh sb="2" eb="4">
      <t>ハイスイ</t>
    </rPh>
    <rPh sb="4" eb="6">
      <t>セツビ</t>
    </rPh>
    <rPh sb="7" eb="8">
      <t>フク</t>
    </rPh>
    <phoneticPr fontId="12"/>
  </si>
  <si>
    <t>　・給水設備に含む。</t>
    <rPh sb="2" eb="4">
      <t>キュウスイ</t>
    </rPh>
    <rPh sb="4" eb="6">
      <t>セツビ</t>
    </rPh>
    <rPh sb="7" eb="8">
      <t>フク</t>
    </rPh>
    <phoneticPr fontId="12"/>
  </si>
  <si>
    <t>　配管付属品</t>
    <rPh sb="1" eb="3">
      <t>ハイカン</t>
    </rPh>
    <rPh sb="3" eb="6">
      <t>フゾクヒン</t>
    </rPh>
    <phoneticPr fontId="12"/>
  </si>
  <si>
    <t>　撤去</t>
    <rPh sb="1" eb="3">
      <t>テッキョ</t>
    </rPh>
    <phoneticPr fontId="12"/>
  </si>
  <si>
    <t>　屋内消火栓種別</t>
    <rPh sb="1" eb="3">
      <t>オクナイ</t>
    </rPh>
    <rPh sb="3" eb="6">
      <t>ショウカセン</t>
    </rPh>
    <rPh sb="6" eb="8">
      <t>シュベツ</t>
    </rPh>
    <phoneticPr fontId="4"/>
  </si>
  <si>
    <t>　屋内消火栓</t>
    <rPh sb="1" eb="3">
      <t>オクナイ</t>
    </rPh>
    <rPh sb="3" eb="6">
      <t>ショウカセン</t>
    </rPh>
    <phoneticPr fontId="4"/>
  </si>
  <si>
    <t xml:space="preserve"> 　配管材料</t>
    <rPh sb="2" eb="4">
      <t>ハイカン</t>
    </rPh>
    <rPh sb="4" eb="6">
      <t>ザイリョウ</t>
    </rPh>
    <phoneticPr fontId="13"/>
  </si>
  <si>
    <t>　管の地中</t>
    <rPh sb="3" eb="5">
      <t>チチュウ</t>
    </rPh>
    <phoneticPr fontId="5"/>
  </si>
  <si>
    <t>　満水試験継手</t>
    <rPh sb="1" eb="3">
      <t>マンスイ</t>
    </rPh>
    <rPh sb="3" eb="5">
      <t>シケン</t>
    </rPh>
    <rPh sb="5" eb="6">
      <t>ツ</t>
    </rPh>
    <rPh sb="6" eb="7">
      <t>テ</t>
    </rPh>
    <phoneticPr fontId="5"/>
  </si>
  <si>
    <t>　・別途工事</t>
    <rPh sb="2" eb="4">
      <t>ベット</t>
    </rPh>
    <rPh sb="4" eb="6">
      <t>コウジ</t>
    </rPh>
    <phoneticPr fontId="12"/>
  </si>
  <si>
    <t>　鋼板製ダクト</t>
    <rPh sb="1" eb="4">
      <t>コウハンセイ</t>
    </rPh>
    <phoneticPr fontId="12"/>
  </si>
  <si>
    <t>　・本工事　　　撤去方法・図示による</t>
    <rPh sb="2" eb="5">
      <t>ホンコウジ</t>
    </rPh>
    <rPh sb="8" eb="10">
      <t>テッキョ</t>
    </rPh>
    <rPh sb="10" eb="12">
      <t>ホウホウ</t>
    </rPh>
    <rPh sb="13" eb="15">
      <t>ズシ</t>
    </rPh>
    <phoneticPr fontId="12"/>
  </si>
  <si>
    <t>　・別途</t>
    <rPh sb="2" eb="4">
      <t>ベット</t>
    </rPh>
    <phoneticPr fontId="12"/>
  </si>
  <si>
    <t>　・本工事</t>
    <rPh sb="2" eb="5">
      <t>ホンコウジ</t>
    </rPh>
    <phoneticPr fontId="12"/>
  </si>
  <si>
    <t>　金属類</t>
    <rPh sb="1" eb="4">
      <t>キンゾクルイ</t>
    </rPh>
    <phoneticPr fontId="3"/>
  </si>
  <si>
    <t>　計器類</t>
    <rPh sb="1" eb="4">
      <t>ケイキルイ</t>
    </rPh>
    <phoneticPr fontId="12"/>
  </si>
  <si>
    <t>　圧力計</t>
    <rPh sb="1" eb="4">
      <t>アツリョクケイ</t>
    </rPh>
    <phoneticPr fontId="12"/>
  </si>
  <si>
    <t>　案内板</t>
    <rPh sb="1" eb="4">
      <t>アンナイバン</t>
    </rPh>
    <phoneticPr fontId="12"/>
  </si>
  <si>
    <t>　排気フード</t>
    <rPh sb="1" eb="3">
      <t>ハイキ</t>
    </rPh>
    <phoneticPr fontId="12"/>
  </si>
  <si>
    <t>　排煙口</t>
    <rPh sb="1" eb="3">
      <t>ハイエン</t>
    </rPh>
    <rPh sb="3" eb="4">
      <t>コウ</t>
    </rPh>
    <phoneticPr fontId="12"/>
  </si>
  <si>
    <t>　排水金物類</t>
    <rPh sb="1" eb="3">
      <t>ハイスイ</t>
    </rPh>
    <rPh sb="3" eb="5">
      <t>カナモノ</t>
    </rPh>
    <phoneticPr fontId="12"/>
  </si>
  <si>
    <t>１　消火器具類</t>
    <rPh sb="2" eb="4">
      <t>ショウカ</t>
    </rPh>
    <rPh sb="4" eb="7">
      <t>キグルイ</t>
    </rPh>
    <phoneticPr fontId="12"/>
  </si>
  <si>
    <t>１　都市ガス設備</t>
    <rPh sb="2" eb="4">
      <t>トシ</t>
    </rPh>
    <rPh sb="6" eb="8">
      <t>セツビ</t>
    </rPh>
    <phoneticPr fontId="12"/>
  </si>
  <si>
    <t>２　配管</t>
    <rPh sb="2" eb="4">
      <t>ハイカン</t>
    </rPh>
    <phoneticPr fontId="12"/>
  </si>
  <si>
    <t>　水栓柱</t>
    <rPh sb="1" eb="4">
      <t>スイセンチュウ</t>
    </rPh>
    <phoneticPr fontId="12"/>
  </si>
  <si>
    <t>　地中埋設標</t>
    <rPh sb="1" eb="3">
      <t>チチュウ</t>
    </rPh>
    <rPh sb="3" eb="5">
      <t>マイセツ</t>
    </rPh>
    <rPh sb="5" eb="6">
      <t>ヒョウ</t>
    </rPh>
    <phoneticPr fontId="12"/>
  </si>
  <si>
    <t>　埋設表示テープ</t>
    <rPh sb="1" eb="3">
      <t>マイセツ</t>
    </rPh>
    <rPh sb="3" eb="5">
      <t>ヒョウジ</t>
    </rPh>
    <phoneticPr fontId="12"/>
  </si>
  <si>
    <t>　根切り</t>
    <rPh sb="1" eb="3">
      <t>ネギ</t>
    </rPh>
    <phoneticPr fontId="12"/>
  </si>
  <si>
    <t>　外部足場</t>
    <rPh sb="1" eb="3">
      <t>ガイブ</t>
    </rPh>
    <rPh sb="3" eb="5">
      <t>アシバ</t>
    </rPh>
    <phoneticPr fontId="12"/>
  </si>
  <si>
    <t>　内部足場</t>
    <rPh sb="1" eb="3">
      <t>ナイブ</t>
    </rPh>
    <rPh sb="3" eb="5">
      <t>アシバ</t>
    </rPh>
    <phoneticPr fontId="12"/>
  </si>
  <si>
    <t>　搬入経路の養生</t>
    <rPh sb="1" eb="3">
      <t>ハンニュウ</t>
    </rPh>
    <rPh sb="3" eb="5">
      <t>ケイロ</t>
    </rPh>
    <rPh sb="6" eb="8">
      <t>ヨウジョウ</t>
    </rPh>
    <phoneticPr fontId="12"/>
  </si>
  <si>
    <t>　ｴﾚﾍﾞｰﾀｰの養生</t>
    <rPh sb="9" eb="11">
      <t>ヨウジョウ</t>
    </rPh>
    <phoneticPr fontId="12"/>
  </si>
  <si>
    <t>　撤去の区分け</t>
    <rPh sb="1" eb="3">
      <t>テッキョ</t>
    </rPh>
    <rPh sb="4" eb="6">
      <t>クワ</t>
    </rPh>
    <phoneticPr fontId="12"/>
  </si>
  <si>
    <t>　搬出</t>
    <rPh sb="1" eb="3">
      <t>ハンシュツ</t>
    </rPh>
    <phoneticPr fontId="12"/>
  </si>
  <si>
    <t>　工事場所</t>
    <rPh sb="1" eb="3">
      <t>コウジ</t>
    </rPh>
    <rPh sb="3" eb="5">
      <t>バショ</t>
    </rPh>
    <phoneticPr fontId="12"/>
  </si>
  <si>
    <t>　指定部分</t>
    <rPh sb="1" eb="3">
      <t>シテイ</t>
    </rPh>
    <rPh sb="3" eb="5">
      <t>ブブン</t>
    </rPh>
    <phoneticPr fontId="12"/>
  </si>
  <si>
    <t>　非破壊検査</t>
    <rPh sb="1" eb="4">
      <t>ヒハカイ</t>
    </rPh>
    <rPh sb="4" eb="6">
      <t>ケンサ</t>
    </rPh>
    <phoneticPr fontId="12"/>
  </si>
  <si>
    <t>　量水器桝</t>
    <rPh sb="1" eb="3">
      <t>リョウスイ</t>
    </rPh>
    <rPh sb="3" eb="4">
      <t>キ</t>
    </rPh>
    <rPh sb="4" eb="5">
      <t>マス</t>
    </rPh>
    <phoneticPr fontId="12"/>
  </si>
  <si>
    <t>　予算区分</t>
    <rPh sb="1" eb="3">
      <t>ヨサン</t>
    </rPh>
    <rPh sb="3" eb="5">
      <t>クブン</t>
    </rPh>
    <phoneticPr fontId="12"/>
  </si>
  <si>
    <t>　はつり補修</t>
    <rPh sb="4" eb="6">
      <t>ホシュウ</t>
    </rPh>
    <phoneticPr fontId="12"/>
  </si>
  <si>
    <t>　多湿箇所</t>
    <rPh sb="1" eb="3">
      <t>タシツ</t>
    </rPh>
    <rPh sb="3" eb="5">
      <t>カショ</t>
    </rPh>
    <phoneticPr fontId="12"/>
  </si>
  <si>
    <t>　単価使用区分</t>
    <rPh sb="1" eb="3">
      <t>タンカ</t>
    </rPh>
    <rPh sb="3" eb="5">
      <t>シヨウ</t>
    </rPh>
    <rPh sb="5" eb="7">
      <t>クブン</t>
    </rPh>
    <phoneticPr fontId="12"/>
  </si>
  <si>
    <t>　・改修割増単価(入居者あり)　建物名：</t>
    <rPh sb="2" eb="4">
      <t>カイシュウ</t>
    </rPh>
    <rPh sb="4" eb="6">
      <t>ワリマシ</t>
    </rPh>
    <rPh sb="6" eb="8">
      <t>タンカ</t>
    </rPh>
    <rPh sb="16" eb="18">
      <t>タテモノ</t>
    </rPh>
    <rPh sb="18" eb="19">
      <t>メイ</t>
    </rPh>
    <phoneticPr fontId="12"/>
  </si>
  <si>
    <t>　・有り　　　　　　範囲：</t>
    <rPh sb="2" eb="3">
      <t>ア</t>
    </rPh>
    <rPh sb="10" eb="12">
      <t>ハンイ</t>
    </rPh>
    <phoneticPr fontId="12"/>
  </si>
  <si>
    <t>　・有り　　室名：</t>
    <rPh sb="2" eb="3">
      <t>ア</t>
    </rPh>
    <rPh sb="6" eb="8">
      <t>シツメイ</t>
    </rPh>
    <phoneticPr fontId="12"/>
  </si>
  <si>
    <t>　・本工事　　検査項目：</t>
    <rPh sb="7" eb="9">
      <t>ケンサ</t>
    </rPh>
    <rPh sb="9" eb="11">
      <t>コウモク</t>
    </rPh>
    <phoneticPr fontId="12"/>
  </si>
  <si>
    <t>２　排水桝類</t>
    <rPh sb="2" eb="4">
      <t>ハイスイ</t>
    </rPh>
    <rPh sb="4" eb="5">
      <t>マス</t>
    </rPh>
    <rPh sb="5" eb="6">
      <t>ルイ</t>
    </rPh>
    <phoneticPr fontId="12"/>
  </si>
  <si>
    <t>３　土工事</t>
    <rPh sb="2" eb="5">
      <t>ドコウジ</t>
    </rPh>
    <phoneticPr fontId="12"/>
  </si>
  <si>
    <t>　・屋内消火栓</t>
    <rPh sb="2" eb="4">
      <t>オクナイ</t>
    </rPh>
    <rPh sb="4" eb="7">
      <t>ショウカセン</t>
    </rPh>
    <phoneticPr fontId="4"/>
  </si>
  <si>
    <t>▼</t>
    <phoneticPr fontId="13"/>
  </si>
  <si>
    <t>　工事種目</t>
    <phoneticPr fontId="12"/>
  </si>
  <si>
    <t>　・本工事で設置する。</t>
    <phoneticPr fontId="1"/>
  </si>
  <si>
    <t>　スパイラルダクト</t>
    <phoneticPr fontId="12"/>
  </si>
  <si>
    <t>　フレキシブルダクト</t>
    <phoneticPr fontId="12"/>
  </si>
  <si>
    <t>　ダンパー</t>
    <phoneticPr fontId="12"/>
  </si>
  <si>
    <t>　仮設間仕切り</t>
    <phoneticPr fontId="12"/>
  </si>
  <si>
    <t>　・物品管理者に引き渡し</t>
    <phoneticPr fontId="12"/>
  </si>
  <si>
    <t>　・構外搬出適切処理</t>
    <phoneticPr fontId="12"/>
  </si>
  <si>
    <t>　石綿含有</t>
    <phoneticPr fontId="12"/>
  </si>
  <si>
    <t>　　　産業廃棄物</t>
    <phoneticPr fontId="12"/>
  </si>
  <si>
    <t>　ダクト</t>
  </si>
  <si>
    <t>　・車両通行部分は管の上端より600mm以上。</t>
    <rPh sb="9" eb="10">
      <t>カン</t>
    </rPh>
    <rPh sb="11" eb="13">
      <t>ジョウタン</t>
    </rPh>
    <rPh sb="20" eb="22">
      <t>イジョウ</t>
    </rPh>
    <phoneticPr fontId="12"/>
  </si>
  <si>
    <t>　・車両通行部以外の部分は管の上端より300mm以上。</t>
    <rPh sb="2" eb="4">
      <t>シャリョウ</t>
    </rPh>
    <rPh sb="4" eb="6">
      <t>ツウコウ</t>
    </rPh>
    <rPh sb="6" eb="7">
      <t>ブ</t>
    </rPh>
    <rPh sb="7" eb="9">
      <t>イガイ</t>
    </rPh>
    <rPh sb="13" eb="14">
      <t>カン</t>
    </rPh>
    <rPh sb="15" eb="17">
      <t>ジョウタン</t>
    </rPh>
    <rPh sb="24" eb="26">
      <t>イジョウ</t>
    </rPh>
    <phoneticPr fontId="12"/>
  </si>
  <si>
    <t>　発注範囲</t>
    <rPh sb="1" eb="3">
      <t>ハッチュウ</t>
    </rPh>
    <rPh sb="3" eb="5">
      <t>ハンイ</t>
    </rPh>
    <phoneticPr fontId="12"/>
  </si>
  <si>
    <t>　関連工事</t>
    <rPh sb="1" eb="3">
      <t>カンレン</t>
    </rPh>
    <rPh sb="3" eb="5">
      <t>コウジ</t>
    </rPh>
    <phoneticPr fontId="12"/>
  </si>
  <si>
    <t>　・有り　 ( ・ 建築工事　 ・ 電気設備工事　　・　　　　　　　 )</t>
    <rPh sb="2" eb="3">
      <t>ア</t>
    </rPh>
    <rPh sb="10" eb="12">
      <t>ケンチク</t>
    </rPh>
    <rPh sb="12" eb="14">
      <t>コウジ</t>
    </rPh>
    <rPh sb="18" eb="20">
      <t>デンキ</t>
    </rPh>
    <rPh sb="20" eb="22">
      <t>セツビ</t>
    </rPh>
    <rPh sb="22" eb="24">
      <t>コウジ</t>
    </rPh>
    <phoneticPr fontId="12"/>
  </si>
  <si>
    <t>　・有り　図面記載　       ( ・ 　　　　　　 ・ 　　　　　 )</t>
    <rPh sb="2" eb="3">
      <t>ア</t>
    </rPh>
    <rPh sb="5" eb="7">
      <t>ズメン</t>
    </rPh>
    <rPh sb="7" eb="9">
      <t>キサイ</t>
    </rPh>
    <phoneticPr fontId="12"/>
  </si>
  <si>
    <t>　・有り　特記仕様書記載   ( ・ 　　　　　　 ・ 　　　　　 )</t>
    <rPh sb="2" eb="3">
      <t>ア</t>
    </rPh>
    <rPh sb="5" eb="7">
      <t>トッキ</t>
    </rPh>
    <rPh sb="7" eb="10">
      <t>シヨウショ</t>
    </rPh>
    <rPh sb="10" eb="12">
      <t>キサイ</t>
    </rPh>
    <phoneticPr fontId="12"/>
  </si>
  <si>
    <t>管理技術者:</t>
    <rPh sb="0" eb="2">
      <t>カンリ</t>
    </rPh>
    <rPh sb="2" eb="5">
      <t>ギジュツシャ</t>
    </rPh>
    <phoneticPr fontId="8"/>
  </si>
  <si>
    <t>主任担当技術者（積算）:</t>
    <rPh sb="0" eb="2">
      <t>シュニン</t>
    </rPh>
    <rPh sb="4" eb="7">
      <t>ギジュツシャ</t>
    </rPh>
    <rPh sb="8" eb="10">
      <t>セキサン</t>
    </rPh>
    <phoneticPr fontId="8"/>
  </si>
  <si>
    <t>担当技術者（積算）:</t>
    <rPh sb="0" eb="2">
      <t>タントウ</t>
    </rPh>
    <rPh sb="2" eb="5">
      <t>ギジュツシャ</t>
    </rPh>
    <phoneticPr fontId="8"/>
  </si>
  <si>
    <t>１．基準類の確認</t>
    <rPh sb="2" eb="4">
      <t>キジュン</t>
    </rPh>
    <rPh sb="4" eb="5">
      <t>ルイ</t>
    </rPh>
    <rPh sb="5" eb="6">
      <t>ショルイ</t>
    </rPh>
    <rPh sb="6" eb="8">
      <t>カクニン</t>
    </rPh>
    <phoneticPr fontId="12"/>
  </si>
  <si>
    <t>Ⅰ．基本事項</t>
    <rPh sb="2" eb="4">
      <t>キホン</t>
    </rPh>
    <rPh sb="4" eb="6">
      <t>ジコウ</t>
    </rPh>
    <phoneticPr fontId="12"/>
  </si>
  <si>
    <t>　数量</t>
    <rPh sb="1" eb="3">
      <t>スウリョウ</t>
    </rPh>
    <phoneticPr fontId="12"/>
  </si>
  <si>
    <t>　設計寸法</t>
    <rPh sb="1" eb="3">
      <t>セッケイ</t>
    </rPh>
    <rPh sb="3" eb="5">
      <t>スンポウ</t>
    </rPh>
    <phoneticPr fontId="12"/>
  </si>
  <si>
    <t>　単位</t>
    <rPh sb="1" eb="3">
      <t>タンイ</t>
    </rPh>
    <phoneticPr fontId="12"/>
  </si>
  <si>
    <t>　有効数値</t>
    <rPh sb="1" eb="3">
      <t>ユウコウ</t>
    </rPh>
    <rPh sb="3" eb="5">
      <t>スウチ</t>
    </rPh>
    <phoneticPr fontId="12"/>
  </si>
  <si>
    <t>　ベントキャップ類</t>
    <rPh sb="8" eb="9">
      <t>ルイ</t>
    </rPh>
    <phoneticPr fontId="12"/>
  </si>
  <si>
    <t>に伴う処理</t>
    <rPh sb="1" eb="2">
      <t>トモナ</t>
    </rPh>
    <rPh sb="3" eb="5">
      <t>ショリ</t>
    </rPh>
    <phoneticPr fontId="12"/>
  </si>
  <si>
    <t>　</t>
  </si>
  <si>
    <t>１　共通事項</t>
    <rPh sb="2" eb="4">
      <t>キョウツウ</t>
    </rPh>
    <rPh sb="4" eb="6">
      <t>ジコウ</t>
    </rPh>
    <phoneticPr fontId="12"/>
  </si>
  <si>
    <t>２　機器類</t>
    <rPh sb="2" eb="5">
      <t>キキルイ</t>
    </rPh>
    <phoneticPr fontId="12"/>
  </si>
  <si>
    <t>１　石綿含有品</t>
    <rPh sb="2" eb="4">
      <t>セキメン</t>
    </rPh>
    <rPh sb="4" eb="6">
      <t>ガンユウ</t>
    </rPh>
    <rPh sb="6" eb="7">
      <t>ヒン</t>
    </rPh>
    <phoneticPr fontId="3"/>
  </si>
  <si>
    <t>２　発生材の処理</t>
    <rPh sb="2" eb="4">
      <t>ハッセイ</t>
    </rPh>
    <rPh sb="4" eb="5">
      <t>ザイ</t>
    </rPh>
    <rPh sb="6" eb="8">
      <t>ショリ</t>
    </rPh>
    <phoneticPr fontId="3"/>
  </si>
  <si>
    <t>　空調機器類撤去</t>
    <rPh sb="1" eb="3">
      <t>クウチョウ</t>
    </rPh>
    <rPh sb="3" eb="5">
      <t>キキ</t>
    </rPh>
    <rPh sb="5" eb="6">
      <t>ルイ</t>
    </rPh>
    <rPh sb="6" eb="8">
      <t>テッキョ</t>
    </rPh>
    <phoneticPr fontId="12"/>
  </si>
  <si>
    <t>　撤去ｵｲﾙﾀﾝｸ</t>
    <rPh sb="1" eb="3">
      <t>テッキョ</t>
    </rPh>
    <phoneticPr fontId="12"/>
  </si>
  <si>
    <t>業務名</t>
    <rPh sb="0" eb="3">
      <t>ギョウムメイ</t>
    </rPh>
    <phoneticPr fontId="8"/>
  </si>
  <si>
    <t>業務受注者名</t>
    <rPh sb="0" eb="2">
      <t>ギョウム</t>
    </rPh>
    <rPh sb="2" eb="5">
      <t>ジュチュウシャ</t>
    </rPh>
    <rPh sb="5" eb="6">
      <t>メイ</t>
    </rPh>
    <phoneticPr fontId="8"/>
  </si>
  <si>
    <t>担当者名</t>
    <rPh sb="0" eb="4">
      <t>タントウシャメイ</t>
    </rPh>
    <phoneticPr fontId="8"/>
  </si>
  <si>
    <t>施設名</t>
    <rPh sb="0" eb="2">
      <t>シセツ</t>
    </rPh>
    <rPh sb="2" eb="3">
      <t>メイ</t>
    </rPh>
    <phoneticPr fontId="8"/>
  </si>
  <si>
    <t>　ボックス類</t>
    <rPh sb="5" eb="6">
      <t>ルイ</t>
    </rPh>
    <phoneticPr fontId="12"/>
  </si>
  <si>
    <t>　伸縮管継手</t>
    <rPh sb="1" eb="3">
      <t>シンシュク</t>
    </rPh>
    <rPh sb="3" eb="4">
      <t>カン</t>
    </rPh>
    <rPh sb="4" eb="6">
      <t>ツギテ</t>
    </rPh>
    <phoneticPr fontId="12"/>
  </si>
  <si>
    <t>　　・現場説明書</t>
    <rPh sb="3" eb="5">
      <t>ゲンバ</t>
    </rPh>
    <rPh sb="5" eb="8">
      <t>セツメイショ</t>
    </rPh>
    <phoneticPr fontId="12"/>
  </si>
  <si>
    <t>確認</t>
    <rPh sb="0" eb="2">
      <t>カクニン</t>
    </rPh>
    <phoneticPr fontId="12"/>
  </si>
  <si>
    <t>２．内訳書の記載内容</t>
    <rPh sb="2" eb="5">
      <t>ウチワケショ</t>
    </rPh>
    <rPh sb="6" eb="8">
      <t>キサイ</t>
    </rPh>
    <rPh sb="8" eb="10">
      <t>ナイヨウ</t>
    </rPh>
    <phoneticPr fontId="12"/>
  </si>
  <si>
    <t>　種目別内訳書</t>
  </si>
  <si>
    <t>　科目別内訳書</t>
    <phoneticPr fontId="12"/>
  </si>
  <si>
    <t>　中科目別内訳書</t>
    <phoneticPr fontId="12"/>
  </si>
  <si>
    <t>　細目別内訳書</t>
    <phoneticPr fontId="12"/>
  </si>
  <si>
    <t>　モルタル</t>
    <phoneticPr fontId="12"/>
  </si>
  <si>
    <t>　　・図面及び現場説明書に対する質問回答</t>
    <rPh sb="3" eb="5">
      <t>ズメン</t>
    </rPh>
    <rPh sb="5" eb="6">
      <t>オヨ</t>
    </rPh>
    <rPh sb="7" eb="9">
      <t>ゲンバ</t>
    </rPh>
    <rPh sb="9" eb="12">
      <t>セツメイショ</t>
    </rPh>
    <rPh sb="13" eb="14">
      <t>タイ</t>
    </rPh>
    <rPh sb="16" eb="18">
      <t>シツモン</t>
    </rPh>
    <rPh sb="18" eb="20">
      <t>カイトウ</t>
    </rPh>
    <phoneticPr fontId="12"/>
  </si>
  <si>
    <t>　特別管理</t>
    <phoneticPr fontId="12"/>
  </si>
  <si>
    <t>　　　の内部処理</t>
    <rPh sb="4" eb="6">
      <t>ナイブ</t>
    </rPh>
    <rPh sb="6" eb="8">
      <t>ショリ</t>
    </rPh>
    <phoneticPr fontId="12"/>
  </si>
  <si>
    <t>数</t>
    <rPh sb="0" eb="1">
      <t>スウ</t>
    </rPh>
    <phoneticPr fontId="12"/>
  </si>
  <si>
    <t>１－１ 機器設備</t>
    <rPh sb="6" eb="8">
      <t>セツビ</t>
    </rPh>
    <phoneticPr fontId="12"/>
  </si>
  <si>
    <t>１－２ ダクト設備</t>
    <rPh sb="7" eb="9">
      <t>セツビ</t>
    </rPh>
    <phoneticPr fontId="12"/>
  </si>
  <si>
    <t>１　ダクト</t>
    <phoneticPr fontId="12"/>
  </si>
  <si>
    <t>　吹出口及び吸込口</t>
    <phoneticPr fontId="12"/>
  </si>
  <si>
    <t>１－３　配管設備</t>
    <rPh sb="4" eb="6">
      <t>ハイカン</t>
    </rPh>
    <phoneticPr fontId="12"/>
  </si>
  <si>
    <t>　弁類</t>
    <phoneticPr fontId="12"/>
  </si>
  <si>
    <t>　防振継手</t>
    <phoneticPr fontId="12"/>
  </si>
  <si>
    <t>　ﾌﾚｷｼﾌﾞﾙｼﾞｮｲﾝﾄ</t>
    <phoneticPr fontId="12"/>
  </si>
  <si>
    <t>・　　　　　　〃　　　　　　　　：不要</t>
    <phoneticPr fontId="5"/>
  </si>
  <si>
    <t>　配管材料</t>
    <phoneticPr fontId="12"/>
  </si>
  <si>
    <t>　水栓類</t>
    <phoneticPr fontId="12"/>
  </si>
  <si>
    <t>　・易操作性１号消火栓</t>
    <phoneticPr fontId="12"/>
  </si>
  <si>
    <t>　　　　開閉弁</t>
    <phoneticPr fontId="12"/>
  </si>
  <si>
    <t>　集合装置</t>
    <phoneticPr fontId="12"/>
  </si>
  <si>
    <t>　ガス栓類</t>
    <phoneticPr fontId="12"/>
  </si>
  <si>
    <t>　　　埋設深さ</t>
    <phoneticPr fontId="12"/>
  </si>
  <si>
    <t>　・寒冷地の場合は、管の上端より凍結深度（　　　mm）以上</t>
    <phoneticPr fontId="12"/>
  </si>
  <si>
    <t>　・鉄筋コンクリート造：　空調９％、衛生１０％</t>
    <rPh sb="2" eb="4">
      <t>テッキン</t>
    </rPh>
    <rPh sb="10" eb="11">
      <t>ゾウ</t>
    </rPh>
    <rPh sb="13" eb="15">
      <t>クウチョウ</t>
    </rPh>
    <rPh sb="18" eb="20">
      <t>エイセイ</t>
    </rPh>
    <phoneticPr fontId="12"/>
  </si>
  <si>
    <t>　・鉄骨鉄筋コンクリート造：　空調６％、衛生７％</t>
    <rPh sb="2" eb="4">
      <t>テッコツ</t>
    </rPh>
    <rPh sb="4" eb="6">
      <t>テッキン</t>
    </rPh>
    <rPh sb="12" eb="13">
      <t>ゾウ</t>
    </rPh>
    <rPh sb="15" eb="17">
      <t>クウチョウ</t>
    </rPh>
    <rPh sb="20" eb="22">
      <t>エイセイ</t>
    </rPh>
    <phoneticPr fontId="12"/>
  </si>
  <si>
    <t>１４．屋外 排水設備</t>
    <rPh sb="3" eb="5">
      <t>オクガイ</t>
    </rPh>
    <rPh sb="6" eb="8">
      <t>ハイスイ</t>
    </rPh>
    <rPh sb="8" eb="10">
      <t>セツビ</t>
    </rPh>
    <phoneticPr fontId="12"/>
  </si>
  <si>
    <t>１３．屋外 給水設備</t>
    <rPh sb="3" eb="5">
      <t>オクガイ</t>
    </rPh>
    <rPh sb="6" eb="8">
      <t>キュウスイ</t>
    </rPh>
    <rPh sb="8" eb="10">
      <t>セツビ</t>
    </rPh>
    <phoneticPr fontId="12"/>
  </si>
  <si>
    <t>１　搬入・据付</t>
    <phoneticPr fontId="12"/>
  </si>
  <si>
    <t>１２．厨房機器設備</t>
    <rPh sb="3" eb="5">
      <t>チュウボウ</t>
    </rPh>
    <rPh sb="5" eb="7">
      <t>キキ</t>
    </rPh>
    <rPh sb="7" eb="9">
      <t>セツビ</t>
    </rPh>
    <phoneticPr fontId="13"/>
  </si>
  <si>
    <t>１１－２　液化石油ガス設備</t>
    <rPh sb="5" eb="7">
      <t>エキカ</t>
    </rPh>
    <rPh sb="7" eb="9">
      <t>セキユ</t>
    </rPh>
    <rPh sb="11" eb="13">
      <t>セツビ</t>
    </rPh>
    <phoneticPr fontId="13"/>
  </si>
  <si>
    <t>１１．ガス設備</t>
    <rPh sb="5" eb="7">
      <t>セツビ</t>
    </rPh>
    <phoneticPr fontId="12"/>
  </si>
  <si>
    <t>１１－１　都市ガス設備</t>
    <rPh sb="5" eb="7">
      <t>トシ</t>
    </rPh>
    <rPh sb="9" eb="11">
      <t>セツビ</t>
    </rPh>
    <phoneticPr fontId="13"/>
  </si>
  <si>
    <t>　・屋内２号消火栓</t>
    <rPh sb="2" eb="4">
      <t>オクナイ</t>
    </rPh>
    <phoneticPr fontId="12"/>
  </si>
  <si>
    <t>　・広範囲型２号消火栓</t>
    <rPh sb="2" eb="6">
      <t>コウハンイガタ</t>
    </rPh>
    <phoneticPr fontId="12"/>
  </si>
  <si>
    <t>１０．消火設備</t>
    <rPh sb="3" eb="5">
      <t>ショウカ</t>
    </rPh>
    <rPh sb="5" eb="7">
      <t>セツビ</t>
    </rPh>
    <phoneticPr fontId="12"/>
  </si>
  <si>
    <t>９．給湯設備</t>
    <rPh sb="2" eb="4">
      <t>キュウトウ</t>
    </rPh>
    <rPh sb="4" eb="6">
      <t>セツビ</t>
    </rPh>
    <phoneticPr fontId="12"/>
  </si>
  <si>
    <t>８．排水設備</t>
    <rPh sb="2" eb="4">
      <t>ハイスイ</t>
    </rPh>
    <rPh sb="4" eb="6">
      <t>セツビ</t>
    </rPh>
    <phoneticPr fontId="12"/>
  </si>
  <si>
    <t>７．給水設備</t>
    <rPh sb="2" eb="4">
      <t>キュウスイ</t>
    </rPh>
    <rPh sb="4" eb="6">
      <t>セツビ</t>
    </rPh>
    <phoneticPr fontId="12"/>
  </si>
  <si>
    <t>５．自動制御設備</t>
    <phoneticPr fontId="12"/>
  </si>
  <si>
    <t>４－２ 排煙　総合調整</t>
    <rPh sb="4" eb="6">
      <t>ハイエン</t>
    </rPh>
    <phoneticPr fontId="12"/>
  </si>
  <si>
    <t>４．排煙設備</t>
    <rPh sb="2" eb="4">
      <t>ハイエン</t>
    </rPh>
    <rPh sb="4" eb="6">
      <t>セツビ</t>
    </rPh>
    <phoneticPr fontId="12"/>
  </si>
  <si>
    <t>４－１ 排煙　ダクト設備</t>
    <rPh sb="4" eb="6">
      <t>ハイエン</t>
    </rPh>
    <phoneticPr fontId="12"/>
  </si>
  <si>
    <t>３－２ 換気　総合調整</t>
    <rPh sb="4" eb="6">
      <t>カンキ</t>
    </rPh>
    <phoneticPr fontId="12"/>
  </si>
  <si>
    <t>３．換気設備</t>
    <rPh sb="2" eb="4">
      <t>カンキ</t>
    </rPh>
    <rPh sb="4" eb="6">
      <t>セツビ</t>
    </rPh>
    <phoneticPr fontId="12"/>
  </si>
  <si>
    <t>３－１ 換気　ダクト設備</t>
    <rPh sb="4" eb="6">
      <t>カンキ</t>
    </rPh>
    <phoneticPr fontId="12"/>
  </si>
  <si>
    <t>２－４ 空調　総合調整</t>
    <rPh sb="4" eb="6">
      <t>クウチョウ</t>
    </rPh>
    <phoneticPr fontId="12"/>
  </si>
  <si>
    <t>２－３ 空調　配管設備</t>
    <rPh sb="4" eb="6">
      <t>クウチョウ</t>
    </rPh>
    <rPh sb="7" eb="9">
      <t>ハイカン</t>
    </rPh>
    <phoneticPr fontId="12"/>
  </si>
  <si>
    <t>２－２ 空調　ダクト設備</t>
    <rPh sb="4" eb="6">
      <t>クウチョウ</t>
    </rPh>
    <rPh sb="10" eb="12">
      <t>セツビ</t>
    </rPh>
    <phoneticPr fontId="12"/>
  </si>
  <si>
    <t>２．空気調和設備</t>
    <phoneticPr fontId="12"/>
  </si>
  <si>
    <t>２－１ 空調　機器設備</t>
    <rPh sb="9" eb="11">
      <t>セツビ</t>
    </rPh>
    <phoneticPr fontId="12"/>
  </si>
  <si>
    <t>　設計図書</t>
    <rPh sb="1" eb="3">
      <t>セッケイ</t>
    </rPh>
    <rPh sb="3" eb="5">
      <t>トショ</t>
    </rPh>
    <phoneticPr fontId="12"/>
  </si>
  <si>
    <t>　積算関係基準類</t>
    <rPh sb="1" eb="3">
      <t>セキサン</t>
    </rPh>
    <rPh sb="3" eb="5">
      <t>カンケイ</t>
    </rPh>
    <rPh sb="5" eb="7">
      <t>キジュン</t>
    </rPh>
    <rPh sb="7" eb="8">
      <t>ルイ</t>
    </rPh>
    <phoneticPr fontId="12"/>
  </si>
  <si>
    <t>原則として小数点以下第１位を四捨五入し、整数としたか。</t>
  </si>
  <si>
    <t>長さは、少数点以下第1位とし、面積、体積及び質量は、小数点以下第2位としたか。</t>
    <rPh sb="0" eb="1">
      <t>ナガ</t>
    </rPh>
    <rPh sb="4" eb="6">
      <t>ショウスウ</t>
    </rPh>
    <rPh sb="6" eb="9">
      <t>テンイカ</t>
    </rPh>
    <rPh sb="9" eb="10">
      <t>ダイ</t>
    </rPh>
    <rPh sb="11" eb="12">
      <t>イ</t>
    </rPh>
    <rPh sb="15" eb="17">
      <t>メンセキ</t>
    </rPh>
    <rPh sb="18" eb="20">
      <t>タイセキ</t>
    </rPh>
    <rPh sb="20" eb="21">
      <t>オヨ</t>
    </rPh>
    <rPh sb="22" eb="24">
      <t>シツリョウ</t>
    </rPh>
    <rPh sb="26" eb="29">
      <t>ショウスウテン</t>
    </rPh>
    <rPh sb="29" eb="31">
      <t>イカ</t>
    </rPh>
    <rPh sb="31" eb="32">
      <t>ダイ</t>
    </rPh>
    <rPh sb="33" eb="34">
      <t>イ</t>
    </rPh>
    <phoneticPr fontId="12"/>
  </si>
  <si>
    <t>工事場所を確認したか。</t>
    <rPh sb="0" eb="2">
      <t>コウジ</t>
    </rPh>
    <rPh sb="2" eb="4">
      <t>バショ</t>
    </rPh>
    <rPh sb="5" eb="7">
      <t>カクニン</t>
    </rPh>
    <phoneticPr fontId="12"/>
  </si>
  <si>
    <t>指定部分の有無を確認したか。</t>
    <rPh sb="0" eb="2">
      <t>シテイ</t>
    </rPh>
    <rPh sb="2" eb="4">
      <t>ブブン</t>
    </rPh>
    <rPh sb="5" eb="7">
      <t>ウム</t>
    </rPh>
    <rPh sb="8" eb="10">
      <t>カクニン</t>
    </rPh>
    <phoneticPr fontId="12"/>
  </si>
  <si>
    <t>本工事以外の関連工事があるか発注者に確認したか。</t>
    <rPh sb="0" eb="1">
      <t>ホン</t>
    </rPh>
    <rPh sb="1" eb="3">
      <t>コウジ</t>
    </rPh>
    <rPh sb="3" eb="5">
      <t>イガイ</t>
    </rPh>
    <rPh sb="6" eb="8">
      <t>カンレン</t>
    </rPh>
    <rPh sb="8" eb="10">
      <t>コウジ</t>
    </rPh>
    <rPh sb="14" eb="17">
      <t>ハッチュウシャ</t>
    </rPh>
    <rPh sb="18" eb="20">
      <t>カクニン</t>
    </rPh>
    <phoneticPr fontId="12"/>
  </si>
  <si>
    <t>多湿箇所の有無を確認したか。</t>
    <rPh sb="0" eb="2">
      <t>タシツ</t>
    </rPh>
    <rPh sb="2" eb="4">
      <t>カショ</t>
    </rPh>
    <rPh sb="5" eb="7">
      <t>ウム</t>
    </rPh>
    <rPh sb="8" eb="10">
      <t>カクニン</t>
    </rPh>
    <phoneticPr fontId="12"/>
  </si>
  <si>
    <t>機器の寸法･質量を見積書採用メーカーの機器寸法･質量を採用したか。</t>
    <rPh sb="0" eb="2">
      <t>キキ</t>
    </rPh>
    <rPh sb="3" eb="5">
      <t>スンポウ</t>
    </rPh>
    <rPh sb="19" eb="21">
      <t>キキ</t>
    </rPh>
    <rPh sb="21" eb="23">
      <t>スンポウ</t>
    </rPh>
    <rPh sb="24" eb="26">
      <t>シツリョウ</t>
    </rPh>
    <rPh sb="27" eb="29">
      <t>サイヨウ</t>
    </rPh>
    <phoneticPr fontId="12"/>
  </si>
  <si>
    <t>単独の機器の質量が100㎏以上の機器としたか。</t>
    <rPh sb="0" eb="2">
      <t>タンドク</t>
    </rPh>
    <rPh sb="3" eb="5">
      <t>キキ</t>
    </rPh>
    <rPh sb="6" eb="8">
      <t>シツリョウ</t>
    </rPh>
    <phoneticPr fontId="12"/>
  </si>
  <si>
    <t>対象とした質量は分割搬入の場合、各単体の機器の質量としたか。</t>
    <rPh sb="8" eb="10">
      <t>ブンカツ</t>
    </rPh>
    <rPh sb="10" eb="12">
      <t>ハンニュウ</t>
    </rPh>
    <rPh sb="13" eb="15">
      <t>バアイ</t>
    </rPh>
    <rPh sb="16" eb="17">
      <t>カク</t>
    </rPh>
    <phoneticPr fontId="12"/>
  </si>
  <si>
    <t>重量品(600kg/m3以上)は、質量に対応した数値による補正をしたか。</t>
    <rPh sb="12" eb="14">
      <t>イジョウ</t>
    </rPh>
    <phoneticPr fontId="12"/>
  </si>
  <si>
    <t>容積品(600kg/m3未満)は、容積当たりの質量に対応した数値による補正をしたか。</t>
    <rPh sb="12" eb="14">
      <t>ミマン</t>
    </rPh>
    <phoneticPr fontId="12"/>
  </si>
  <si>
    <t>機器の据付は、防振基礎・天吊り等の施工条件を確認したか。</t>
    <rPh sb="17" eb="19">
      <t>セコウ</t>
    </rPh>
    <rPh sb="19" eb="21">
      <t>ジョウケン</t>
    </rPh>
    <rPh sb="22" eb="24">
      <t>カクニン</t>
    </rPh>
    <phoneticPr fontId="12"/>
  </si>
  <si>
    <t>歩掛りのない機器は、見積り･類似機器の歩掛りを採用又は歩掛り補正としたか。</t>
    <rPh sb="0" eb="2">
      <t>ブガカ</t>
    </rPh>
    <rPh sb="6" eb="8">
      <t>キキ</t>
    </rPh>
    <rPh sb="14" eb="16">
      <t>ルイジ</t>
    </rPh>
    <rPh sb="16" eb="18">
      <t>キキ</t>
    </rPh>
    <rPh sb="19" eb="21">
      <t>ブガカ</t>
    </rPh>
    <rPh sb="23" eb="25">
      <t>サイヨウ</t>
    </rPh>
    <rPh sb="25" eb="26">
      <t>マタ</t>
    </rPh>
    <rPh sb="27" eb="29">
      <t>ブガカ</t>
    </rPh>
    <rPh sb="30" eb="32">
      <t>ホセイ</t>
    </rPh>
    <phoneticPr fontId="12"/>
  </si>
  <si>
    <t>工事区分が機械設備である事を確認したか。</t>
    <rPh sb="0" eb="2">
      <t>コウジ</t>
    </rPh>
    <rPh sb="2" eb="4">
      <t>クブン</t>
    </rPh>
    <rPh sb="5" eb="7">
      <t>キカイ</t>
    </rPh>
    <rPh sb="7" eb="9">
      <t>セツビ</t>
    </rPh>
    <rPh sb="12" eb="13">
      <t>コト</t>
    </rPh>
    <rPh sb="14" eb="16">
      <t>カクニン</t>
    </rPh>
    <phoneticPr fontId="12"/>
  </si>
  <si>
    <t>コンクリートの面積にその高さ、又は厚さを乗じた体積としたか。</t>
    <phoneticPr fontId="12"/>
  </si>
  <si>
    <t>鉄筋、電線管及び配管類による体積の欠除は無いものとしたか。</t>
    <phoneticPr fontId="12"/>
  </si>
  <si>
    <t>保温工事は標準仕様書及び特記仕様書に記載されている施工上の分類及び関連材料等により区分したか。</t>
    <rPh sb="5" eb="7">
      <t>ヒョウジュン</t>
    </rPh>
    <rPh sb="7" eb="10">
      <t>シヨウショ</t>
    </rPh>
    <rPh sb="10" eb="11">
      <t>オヨ</t>
    </rPh>
    <rPh sb="12" eb="14">
      <t>トッキ</t>
    </rPh>
    <rPh sb="14" eb="17">
      <t>シヨウショ</t>
    </rPh>
    <rPh sb="18" eb="20">
      <t>キサイ</t>
    </rPh>
    <phoneticPr fontId="12"/>
  </si>
  <si>
    <t>ダクトの長さをダクト幅の中心線の長さとしたか。</t>
    <phoneticPr fontId="12"/>
  </si>
  <si>
    <t>曲がり部及び分岐部等のダクトは、中心線上を延長した直線を仮定して、その交点までの長さとしたか。</t>
    <phoneticPr fontId="12"/>
  </si>
  <si>
    <t>ダクトの数量をダンパー類及びたわみ継手による欠除はないものとしたか。</t>
    <phoneticPr fontId="12"/>
  </si>
  <si>
    <t>支持金物及び吊り金物は計測の対象としていないか。</t>
    <phoneticPr fontId="12"/>
  </si>
  <si>
    <t>制気口に接続するネック部の長さを確認したか。
　（ｼｰﾘﾝｸﾞﾃﾞｨﾌｭｰｻﾞｰ形：0.2m、ユニバーサル形：0.3m）</t>
    <rPh sb="0" eb="1">
      <t>セイ</t>
    </rPh>
    <rPh sb="1" eb="2">
      <t>キ</t>
    </rPh>
    <rPh sb="2" eb="3">
      <t>グチ</t>
    </rPh>
    <rPh sb="11" eb="12">
      <t>ブ</t>
    </rPh>
    <rPh sb="13" eb="14">
      <t>ナガ</t>
    </rPh>
    <rPh sb="16" eb="18">
      <t>カクニン</t>
    </rPh>
    <phoneticPr fontId="12"/>
  </si>
  <si>
    <t>漸小又は漸大したダクトの数量を変形前後の最大寸法に長さを乗じた面積としたか。</t>
    <phoneticPr fontId="12"/>
  </si>
  <si>
    <t>多湿箇所はあるか。　　室名(系統)：</t>
    <rPh sb="0" eb="2">
      <t>タシツ</t>
    </rPh>
    <rPh sb="2" eb="4">
      <t>カショ</t>
    </rPh>
    <rPh sb="11" eb="13">
      <t>シツメイ</t>
    </rPh>
    <rPh sb="14" eb="16">
      <t>ケイトウ</t>
    </rPh>
    <phoneticPr fontId="12"/>
  </si>
  <si>
    <t>多湿箇所に使用するダクトをシール付としたか。</t>
    <rPh sb="0" eb="2">
      <t>タシツ</t>
    </rPh>
    <rPh sb="2" eb="4">
      <t>カショ</t>
    </rPh>
    <rPh sb="5" eb="7">
      <t>シヨウ</t>
    </rPh>
    <rPh sb="16" eb="17">
      <t>ツ</t>
    </rPh>
    <phoneticPr fontId="12"/>
  </si>
  <si>
    <t>長方形ダクトの数量をダクト長さに周長を乗じた表面積としたか。</t>
    <phoneticPr fontId="12"/>
  </si>
  <si>
    <t>防火区画の壁・床を貫通する鋼板製ダクト(1.6t)の数量を面積としたか。</t>
    <phoneticPr fontId="12"/>
  </si>
  <si>
    <t>チャンバー類の数量を表面積としたか。</t>
    <phoneticPr fontId="12"/>
  </si>
  <si>
    <t>チャンバー類の内貼りの有無を確認したか。有の場合、仕様を確認したか。</t>
    <rPh sb="5" eb="6">
      <t>ルイ</t>
    </rPh>
    <rPh sb="20" eb="21">
      <t>アリ</t>
    </rPh>
    <rPh sb="22" eb="24">
      <t>バアイ</t>
    </rPh>
    <rPh sb="25" eb="27">
      <t>シヨウ</t>
    </rPh>
    <rPh sb="28" eb="30">
      <t>カクニン</t>
    </rPh>
    <phoneticPr fontId="12"/>
  </si>
  <si>
    <t>ボックスの内貼りの有無を確認したか。</t>
    <phoneticPr fontId="12"/>
  </si>
  <si>
    <t>消音エルボの数量を数量積算基準による略算法による表面積としたか。</t>
    <rPh sb="9" eb="11">
      <t>スウリョウ</t>
    </rPh>
    <rPh sb="11" eb="13">
      <t>セキサン</t>
    </rPh>
    <rPh sb="13" eb="15">
      <t>キジュン</t>
    </rPh>
    <phoneticPr fontId="12"/>
  </si>
  <si>
    <t>ダクトサイズに対する取付個数を確認したか。</t>
    <rPh sb="7" eb="8">
      <t>タイ</t>
    </rPh>
    <rPh sb="10" eb="12">
      <t>トリツケ</t>
    </rPh>
    <rPh sb="12" eb="14">
      <t>コスウ</t>
    </rPh>
    <rPh sb="15" eb="17">
      <t>カクニン</t>
    </rPh>
    <phoneticPr fontId="12"/>
  </si>
  <si>
    <t>長方形ダクトの保温の数量をダクトの表面積としたか。</t>
    <phoneticPr fontId="12"/>
  </si>
  <si>
    <t>スパイラルダクトの保温の数量を350A以下は長さとしたか。</t>
    <rPh sb="19" eb="21">
      <t>イカ</t>
    </rPh>
    <phoneticPr fontId="12"/>
  </si>
  <si>
    <t>スパイラルダクトの保温の数量を350Aを越えるものは表面積としたか。</t>
    <rPh sb="20" eb="21">
      <t>コ</t>
    </rPh>
    <phoneticPr fontId="12"/>
  </si>
  <si>
    <t>配管の数量を直線の長さとしたか。</t>
    <phoneticPr fontId="12"/>
  </si>
  <si>
    <t>曲がり部を始点及び終点に接して延長した直線の交点までの長さとしたか</t>
    <phoneticPr fontId="12"/>
  </si>
  <si>
    <t>弁類、防振継手､伸縮管継手及びフレキシブルジョイント等の配管付属品による配管の欠除はないものとしたか。</t>
    <phoneticPr fontId="12"/>
  </si>
  <si>
    <t>支持金物及び吊り金物を計測の対象としていないか。</t>
    <phoneticPr fontId="12"/>
  </si>
  <si>
    <t>屋外架空や屋上配管は、支持金物を計上したか。</t>
    <rPh sb="0" eb="2">
      <t>オクガイ</t>
    </rPh>
    <rPh sb="2" eb="4">
      <t>カクウ</t>
    </rPh>
    <rPh sb="5" eb="7">
      <t>オクジョウ</t>
    </rPh>
    <rPh sb="7" eb="9">
      <t>ハイカン</t>
    </rPh>
    <rPh sb="11" eb="13">
      <t>シジ</t>
    </rPh>
    <rPh sb="13" eb="15">
      <t>カナモノ</t>
    </rPh>
    <rPh sb="16" eb="18">
      <t>ケイジョウ</t>
    </rPh>
    <phoneticPr fontId="12"/>
  </si>
  <si>
    <t>配管類のためのスリーブ施工に関する建物の構造を確認したか。</t>
    <rPh sb="0" eb="3">
      <t>ハイカンルイ</t>
    </rPh>
    <rPh sb="11" eb="13">
      <t>セコウ</t>
    </rPh>
    <rPh sb="14" eb="15">
      <t>カン</t>
    </rPh>
    <rPh sb="17" eb="19">
      <t>タテモノ</t>
    </rPh>
    <rPh sb="20" eb="22">
      <t>コウゾウ</t>
    </rPh>
    <rPh sb="23" eb="25">
      <t>カクニン</t>
    </rPh>
    <phoneticPr fontId="12"/>
  </si>
  <si>
    <t>デッキプレートの開口切断の要否を確認したか。</t>
    <rPh sb="13" eb="15">
      <t>ヨウヒ</t>
    </rPh>
    <rPh sb="16" eb="18">
      <t>カクニン</t>
    </rPh>
    <phoneticPr fontId="12"/>
  </si>
  <si>
    <t>衛生器具に接続した配管の数量を立上り、立下り等を見込んだ長さとしたか。</t>
    <phoneticPr fontId="12"/>
  </si>
  <si>
    <t>鋼板製タンク類はベローズ形としたか。</t>
    <rPh sb="0" eb="3">
      <t>コウハンセイ</t>
    </rPh>
    <rPh sb="6" eb="7">
      <t>ルイ</t>
    </rPh>
    <rPh sb="12" eb="13">
      <t>ガタ</t>
    </rPh>
    <phoneticPr fontId="12"/>
  </si>
  <si>
    <t>冷却塔・ＦＲＰ製水槽類は合成ゴム製としたか。</t>
    <rPh sb="0" eb="2">
      <t>レイキャク</t>
    </rPh>
    <rPh sb="2" eb="3">
      <t>トウ</t>
    </rPh>
    <rPh sb="7" eb="8">
      <t>セイ</t>
    </rPh>
    <rPh sb="8" eb="10">
      <t>スイソウ</t>
    </rPh>
    <rPh sb="10" eb="11">
      <t>ルイ</t>
    </rPh>
    <rPh sb="12" eb="14">
      <t>ゴウセイ</t>
    </rPh>
    <rPh sb="16" eb="17">
      <t>セイ</t>
    </rPh>
    <phoneticPr fontId="12"/>
  </si>
  <si>
    <t>弁装置の構成品の歩掛りを確認したか。</t>
    <phoneticPr fontId="12"/>
  </si>
  <si>
    <t>弁装置の制御弁本体の価格は取付労務費のみを計上したか。</t>
    <rPh sb="10" eb="12">
      <t>カカク</t>
    </rPh>
    <rPh sb="13" eb="15">
      <t>トリツケ</t>
    </rPh>
    <rPh sb="15" eb="17">
      <t>ロウム</t>
    </rPh>
    <rPh sb="17" eb="18">
      <t>ヒ</t>
    </rPh>
    <rPh sb="21" eb="23">
      <t>ケイジョウ</t>
    </rPh>
    <phoneticPr fontId="12"/>
  </si>
  <si>
    <t>屋内隠蔽の保温を行う弁類の保温外装を配管保温外装と同じとしたか。</t>
    <rPh sb="0" eb="2">
      <t>オクナイ</t>
    </rPh>
    <rPh sb="2" eb="4">
      <t>インペイ</t>
    </rPh>
    <rPh sb="5" eb="7">
      <t>ホオン</t>
    </rPh>
    <rPh sb="8" eb="9">
      <t>オコナ</t>
    </rPh>
    <rPh sb="10" eb="12">
      <t>ベンルイ</t>
    </rPh>
    <rPh sb="13" eb="15">
      <t>ホオン</t>
    </rPh>
    <rPh sb="15" eb="17">
      <t>ガイソウ</t>
    </rPh>
    <rPh sb="18" eb="20">
      <t>ハイカン</t>
    </rPh>
    <rPh sb="20" eb="22">
      <t>ホオン</t>
    </rPh>
    <rPh sb="22" eb="24">
      <t>ガイソウ</t>
    </rPh>
    <rPh sb="25" eb="26">
      <t>オナ</t>
    </rPh>
    <phoneticPr fontId="12"/>
  </si>
  <si>
    <t>ポンプ付属品と重複がないか確認したか。</t>
    <rPh sb="5" eb="6">
      <t>ヒン</t>
    </rPh>
    <phoneticPr fontId="12"/>
  </si>
  <si>
    <t>バタフライ弁の保温を他の弁と分けたか。</t>
    <rPh sb="5" eb="6">
      <t>ベン</t>
    </rPh>
    <rPh sb="7" eb="9">
      <t>ホオン</t>
    </rPh>
    <rPh sb="10" eb="11">
      <t>タ</t>
    </rPh>
    <rPh sb="12" eb="13">
      <t>ベン</t>
    </rPh>
    <rPh sb="14" eb="15">
      <t>ワ</t>
    </rPh>
    <phoneticPr fontId="12"/>
  </si>
  <si>
    <t>冷媒配管の口径を見積書採用メーカーの口径としたか。</t>
    <rPh sb="0" eb="2">
      <t>レイバイ</t>
    </rPh>
    <rPh sb="2" eb="4">
      <t>ハイカン</t>
    </rPh>
    <rPh sb="5" eb="7">
      <t>コウケイ</t>
    </rPh>
    <rPh sb="8" eb="11">
      <t>ミツモリショ</t>
    </rPh>
    <rPh sb="18" eb="20">
      <t>コウケイ</t>
    </rPh>
    <phoneticPr fontId="12"/>
  </si>
  <si>
    <t>線状吹出口ボックスの板厚はボックスの高さをもとにした板厚としたか。</t>
    <phoneticPr fontId="12"/>
  </si>
  <si>
    <t>冷媒配管の数量を立上り、立下り等を見込んだ長さとしたか。</t>
    <phoneticPr fontId="12"/>
  </si>
  <si>
    <t>配管材料を確認したか。</t>
    <rPh sb="0" eb="2">
      <t>ハイカン</t>
    </rPh>
    <rPh sb="2" eb="4">
      <t>ザイリョウ</t>
    </rPh>
    <rPh sb="5" eb="7">
      <t>カクニン</t>
    </rPh>
    <phoneticPr fontId="12"/>
  </si>
  <si>
    <t>油系統を油用ベローズ形としたか。</t>
    <rPh sb="0" eb="1">
      <t>アブラ</t>
    </rPh>
    <rPh sb="1" eb="3">
      <t>ケイトウ</t>
    </rPh>
    <rPh sb="4" eb="5">
      <t>アブラ</t>
    </rPh>
    <rPh sb="5" eb="6">
      <t>ヨウ</t>
    </rPh>
    <rPh sb="10" eb="11">
      <t>ガタ</t>
    </rPh>
    <phoneticPr fontId="12"/>
  </si>
  <si>
    <t>蒸気の弁装置の保温は図示の無い場合、計上していないか確認したか。</t>
    <rPh sb="0" eb="2">
      <t>ジョウキ</t>
    </rPh>
    <rPh sb="3" eb="6">
      <t>ベンソウチ</t>
    </rPh>
    <rPh sb="7" eb="9">
      <t>ホオン</t>
    </rPh>
    <rPh sb="10" eb="12">
      <t>ズシ</t>
    </rPh>
    <rPh sb="13" eb="14">
      <t>ナ</t>
    </rPh>
    <rPh sb="15" eb="17">
      <t>バアイ</t>
    </rPh>
    <rPh sb="18" eb="20">
      <t>ケイジョウ</t>
    </rPh>
    <rPh sb="26" eb="28">
      <t>カクニン</t>
    </rPh>
    <phoneticPr fontId="12"/>
  </si>
  <si>
    <t>固定形の数量を設置数量としたか。</t>
    <rPh sb="0" eb="2">
      <t>コテイ</t>
    </rPh>
    <rPh sb="2" eb="3">
      <t>ガタ</t>
    </rPh>
    <rPh sb="4" eb="6">
      <t>スウリョウ</t>
    </rPh>
    <rPh sb="7" eb="9">
      <t>セッチ</t>
    </rPh>
    <rPh sb="9" eb="11">
      <t>スウリョウ</t>
    </rPh>
    <phoneticPr fontId="12"/>
  </si>
  <si>
    <t>着脱式の場合、メーターの必要個数とノズルの設置個数としたか。</t>
    <rPh sb="0" eb="3">
      <t>チャクダツシキ</t>
    </rPh>
    <rPh sb="4" eb="6">
      <t>バアイ</t>
    </rPh>
    <rPh sb="12" eb="14">
      <t>ヒツヨウ</t>
    </rPh>
    <rPh sb="14" eb="16">
      <t>コスウ</t>
    </rPh>
    <rPh sb="21" eb="23">
      <t>セッチ</t>
    </rPh>
    <rPh sb="23" eb="24">
      <t>コ</t>
    </rPh>
    <rPh sb="24" eb="25">
      <t>スウ</t>
    </rPh>
    <phoneticPr fontId="12"/>
  </si>
  <si>
    <t>蒸気用とその他用に拾い分けをしたか。</t>
    <rPh sb="0" eb="2">
      <t>ジョウキ</t>
    </rPh>
    <rPh sb="2" eb="3">
      <t>ヨウ</t>
    </rPh>
    <rPh sb="6" eb="7">
      <t>タ</t>
    </rPh>
    <rPh sb="7" eb="8">
      <t>ヨウ</t>
    </rPh>
    <rPh sb="9" eb="10">
      <t>ヒロ</t>
    </rPh>
    <rPh sb="11" eb="12">
      <t>ワ</t>
    </rPh>
    <phoneticPr fontId="12"/>
  </si>
  <si>
    <t>冷媒管の保温外装を確認したか。</t>
    <rPh sb="0" eb="2">
      <t>レイバイ</t>
    </rPh>
    <rPh sb="2" eb="3">
      <t>カン</t>
    </rPh>
    <rPh sb="4" eb="6">
      <t>ホオン</t>
    </rPh>
    <rPh sb="6" eb="8">
      <t>ガイソウ</t>
    </rPh>
    <rPh sb="9" eb="11">
      <t>カクニン</t>
    </rPh>
    <phoneticPr fontId="12"/>
  </si>
  <si>
    <t>配管系統の数量を配管の長さとしたか。</t>
    <phoneticPr fontId="12"/>
  </si>
  <si>
    <t>直接暖房の蒸気配管、空気抜き管、油管等を計測の対象としていないか。</t>
    <phoneticPr fontId="12"/>
  </si>
  <si>
    <t>長方形ダクトの数量を表面積としたか。</t>
    <phoneticPr fontId="12"/>
  </si>
  <si>
    <t>スパイラルダクトの数量を長さとしたか。</t>
    <rPh sb="9" eb="11">
      <t>スウリョウ</t>
    </rPh>
    <phoneticPr fontId="12"/>
  </si>
  <si>
    <t>パッケージ方式の機器、冷媒管は計測の対象としていないか。</t>
    <phoneticPr fontId="12"/>
  </si>
  <si>
    <t>単独の全熱交換ユニット等の系統が独立しており風量調整を必要としないダクトを計測の対象としていないか。</t>
    <rPh sb="11" eb="12">
      <t>トウ</t>
    </rPh>
    <phoneticPr fontId="12"/>
  </si>
  <si>
    <t>各階機械室内機器の数量をユニット形空気調和機及びコンパクト形空気調和機の台数としたか。</t>
    <rPh sb="22" eb="23">
      <t>オヨ</t>
    </rPh>
    <rPh sb="29" eb="30">
      <t>ガタ</t>
    </rPh>
    <rPh sb="30" eb="32">
      <t>クウキ</t>
    </rPh>
    <rPh sb="32" eb="35">
      <t>チョウワキ</t>
    </rPh>
    <phoneticPr fontId="12"/>
  </si>
  <si>
    <t>ファンコイルユニットの数量をファンコイルユニットの台数としたか。</t>
    <phoneticPr fontId="12"/>
  </si>
  <si>
    <t>主機械室内機器の数量を建物の延面積に対応した工数としたか。</t>
    <phoneticPr fontId="12"/>
  </si>
  <si>
    <t>排気ダクトの保温を確認したか。：要（範囲：　　　　　、仕様：　　　　　）</t>
    <rPh sb="0" eb="2">
      <t>ハイキ</t>
    </rPh>
    <rPh sb="9" eb="11">
      <t>カクニン</t>
    </rPh>
    <rPh sb="18" eb="20">
      <t>ハンイ</t>
    </rPh>
    <rPh sb="27" eb="29">
      <t>シヨウ</t>
    </rPh>
    <phoneticPr fontId="5"/>
  </si>
  <si>
    <t>外気ダクトの保温を確認したか。：要（範囲：　　　　　、仕様：　　　　　）</t>
    <phoneticPr fontId="12"/>
  </si>
  <si>
    <t>排煙ダクトに使用するＦＤをＨＦＤとしたか。</t>
    <phoneticPr fontId="12"/>
  </si>
  <si>
    <t>円形ダクトの保温の数量は、350A以下は長さとしたか。</t>
    <rPh sb="0" eb="2">
      <t>エンケイ</t>
    </rPh>
    <rPh sb="17" eb="19">
      <t>イカ</t>
    </rPh>
    <phoneticPr fontId="12"/>
  </si>
  <si>
    <t>円形ダクトの保温の数量は、350Aを越えるものは表面積としたか。</t>
    <rPh sb="0" eb="2">
      <t>エンケイ</t>
    </rPh>
    <rPh sb="18" eb="19">
      <t>コ</t>
    </rPh>
    <phoneticPr fontId="12"/>
  </si>
  <si>
    <t>長方形ダクト系統の数量を表面積としたか。</t>
    <rPh sb="0" eb="3">
      <t>チョウホウケイ</t>
    </rPh>
    <phoneticPr fontId="12"/>
  </si>
  <si>
    <t>円形ダクト数量を長さとしたか。</t>
    <rPh sb="0" eb="2">
      <t>エンケイ</t>
    </rPh>
    <rPh sb="5" eb="7">
      <t>スウリョウ</t>
    </rPh>
    <phoneticPr fontId="12"/>
  </si>
  <si>
    <t>衛生器具は、本体及び水栓、止水栓、排水トラップ等の付属金物又は付属品を含めて一組としたか。</t>
    <phoneticPr fontId="12"/>
  </si>
  <si>
    <t>オストメイト対応ユニットのライニング内配管が配管ユニットか、現場施工か確認したか。</t>
    <rPh sb="6" eb="8">
      <t>タイオウ</t>
    </rPh>
    <rPh sb="18" eb="19">
      <t>ナイ</t>
    </rPh>
    <rPh sb="19" eb="21">
      <t>ハイカン</t>
    </rPh>
    <rPh sb="22" eb="24">
      <t>ハイカン</t>
    </rPh>
    <rPh sb="30" eb="32">
      <t>ゲンバ</t>
    </rPh>
    <rPh sb="32" eb="34">
      <t>セコウ</t>
    </rPh>
    <rPh sb="35" eb="37">
      <t>カクニン</t>
    </rPh>
    <phoneticPr fontId="12"/>
  </si>
  <si>
    <t>配管材料の確認をしたか。</t>
    <rPh sb="0" eb="2">
      <t>ハイカン</t>
    </rPh>
    <rPh sb="2" eb="4">
      <t>ザイリョウ</t>
    </rPh>
    <rPh sb="5" eb="7">
      <t>カクニン</t>
    </rPh>
    <phoneticPr fontId="12"/>
  </si>
  <si>
    <t>　工事名</t>
    <rPh sb="1" eb="3">
      <t>コウジ</t>
    </rPh>
    <phoneticPr fontId="12"/>
  </si>
  <si>
    <t>工事名を確認したか。</t>
    <rPh sb="0" eb="2">
      <t>コウジ</t>
    </rPh>
    <rPh sb="4" eb="6">
      <t>カクニン</t>
    </rPh>
    <phoneticPr fontId="12"/>
  </si>
  <si>
    <t>関連工事がある場合は、仮設の範囲を確認したか。</t>
    <rPh sb="0" eb="2">
      <t>カンレン</t>
    </rPh>
    <rPh sb="2" eb="4">
      <t>コウジ</t>
    </rPh>
    <rPh sb="7" eb="9">
      <t>バアイ</t>
    </rPh>
    <rPh sb="11" eb="13">
      <t>カセツ</t>
    </rPh>
    <rPh sb="14" eb="16">
      <t>ハンイ</t>
    </rPh>
    <rPh sb="17" eb="19">
      <t>カクニン</t>
    </rPh>
    <phoneticPr fontId="12"/>
  </si>
  <si>
    <t>　コンクリート</t>
    <phoneticPr fontId="12"/>
  </si>
  <si>
    <t>改修の場合、あと施工アンカーを計上したか。</t>
    <rPh sb="0" eb="2">
      <t>カイシュウ</t>
    </rPh>
    <rPh sb="3" eb="5">
      <t>バアイ</t>
    </rPh>
    <rPh sb="8" eb="10">
      <t>セコウ</t>
    </rPh>
    <rPh sb="15" eb="17">
      <t>ケイジョウ</t>
    </rPh>
    <phoneticPr fontId="12"/>
  </si>
  <si>
    <t>長方形ダクトの工法指定があるか確認したか。</t>
    <rPh sb="0" eb="3">
      <t>チョウホウケイ</t>
    </rPh>
    <rPh sb="7" eb="9">
      <t>コウホウ</t>
    </rPh>
    <rPh sb="9" eb="11">
      <t>シテイ</t>
    </rPh>
    <rPh sb="15" eb="17">
      <t>カクニン</t>
    </rPh>
    <phoneticPr fontId="12"/>
  </si>
  <si>
    <t>長方形ダクトの数量を板厚ごとに計上したか。</t>
    <rPh sb="0" eb="3">
      <t>チョウホウケイ</t>
    </rPh>
    <rPh sb="7" eb="9">
      <t>スウリョウ</t>
    </rPh>
    <rPh sb="10" eb="12">
      <t>イタアツ</t>
    </rPh>
    <rPh sb="15" eb="17">
      <t>ケイジョウ</t>
    </rPh>
    <phoneticPr fontId="12"/>
  </si>
  <si>
    <t>インサート（あと施工アンカー）は計上したか。</t>
    <rPh sb="8" eb="10">
      <t>セコウ</t>
    </rPh>
    <rPh sb="16" eb="18">
      <t>ケイジョウ</t>
    </rPh>
    <phoneticPr fontId="12"/>
  </si>
  <si>
    <t>チャンバーの保温の数量は表面積としたか。</t>
    <phoneticPr fontId="12"/>
  </si>
  <si>
    <t>外気チャンバーの保温がある場合、外貼りとしたか。</t>
    <rPh sb="0" eb="2">
      <t>ガイキ</t>
    </rPh>
    <rPh sb="8" eb="10">
      <t>ホオン</t>
    </rPh>
    <rPh sb="13" eb="15">
      <t>バアイ</t>
    </rPh>
    <rPh sb="16" eb="17">
      <t>ソト</t>
    </rPh>
    <rPh sb="17" eb="18">
      <t>バ</t>
    </rPh>
    <phoneticPr fontId="12"/>
  </si>
  <si>
    <t>　　鉄筋コンクリート造（対象：　　　　　　　　）</t>
    <rPh sb="2" eb="4">
      <t>テッキン</t>
    </rPh>
    <rPh sb="10" eb="11">
      <t>ゾウ</t>
    </rPh>
    <rPh sb="12" eb="14">
      <t>タイショウ</t>
    </rPh>
    <phoneticPr fontId="12"/>
  </si>
  <si>
    <t>　　鉄骨鉄筋コンクリート造（対象：　　　　　　　　）</t>
    <rPh sb="2" eb="4">
      <t>テッコツ</t>
    </rPh>
    <rPh sb="4" eb="6">
      <t>テッキン</t>
    </rPh>
    <rPh sb="12" eb="13">
      <t>ゾウ</t>
    </rPh>
    <phoneticPr fontId="12"/>
  </si>
  <si>
    <t>固定点の配管固定架台を計上したか。</t>
    <rPh sb="0" eb="2">
      <t>コテイ</t>
    </rPh>
    <rPh sb="2" eb="3">
      <t>テン</t>
    </rPh>
    <rPh sb="4" eb="6">
      <t>ハイカン</t>
    </rPh>
    <rPh sb="6" eb="8">
      <t>コテイ</t>
    </rPh>
    <rPh sb="8" eb="10">
      <t>カダイ</t>
    </rPh>
    <rPh sb="11" eb="13">
      <t>ケイジョウ</t>
    </rPh>
    <phoneticPr fontId="12"/>
  </si>
  <si>
    <t>根切り、埋戻し及び残土処分を計画数量とし、砂利地業等を設計数量としたか。</t>
    <phoneticPr fontId="12"/>
  </si>
  <si>
    <t>根切りの種別を確認したか。　(　・人力　　・　機械(バックホウ)　)</t>
    <rPh sb="0" eb="1">
      <t>ネ</t>
    </rPh>
    <rPh sb="1" eb="2">
      <t>ギ</t>
    </rPh>
    <rPh sb="4" eb="6">
      <t>シュベツ</t>
    </rPh>
    <rPh sb="7" eb="9">
      <t>カクニン</t>
    </rPh>
    <phoneticPr fontId="24"/>
  </si>
  <si>
    <t>数量を根切り数量から基準線以下の山砂・砂利地業等の体積を減じた体積としたか。</t>
    <phoneticPr fontId="12"/>
  </si>
  <si>
    <t>建設発生土の処理方法を確認したか。</t>
    <rPh sb="8" eb="10">
      <t>ホウホウ</t>
    </rPh>
    <rPh sb="11" eb="13">
      <t>カクニン</t>
    </rPh>
    <phoneticPr fontId="12"/>
  </si>
  <si>
    <t>数量を根切り数量から埋戻し数量を減じた体積としたか。</t>
    <rPh sb="19" eb="21">
      <t>タイセキ</t>
    </rPh>
    <phoneticPr fontId="12"/>
  </si>
  <si>
    <t>運搬費は他の土工事と内容を確認して計上したか。</t>
    <rPh sb="0" eb="3">
      <t>ウンパンヒ</t>
    </rPh>
    <rPh sb="4" eb="5">
      <t>タ</t>
    </rPh>
    <rPh sb="6" eb="7">
      <t>ド</t>
    </rPh>
    <rPh sb="7" eb="8">
      <t>コウ</t>
    </rPh>
    <rPh sb="8" eb="9">
      <t>コト</t>
    </rPh>
    <rPh sb="10" eb="12">
      <t>ナイヨウ</t>
    </rPh>
    <rPh sb="13" eb="15">
      <t>カクニン</t>
    </rPh>
    <rPh sb="17" eb="19">
      <t>ケイジョウ</t>
    </rPh>
    <phoneticPr fontId="12"/>
  </si>
  <si>
    <t>土工事の数量を他の土工事と重複のない数量としたか。</t>
    <phoneticPr fontId="24"/>
  </si>
  <si>
    <t>根切りの数量を根切り幅に根切り長さ及び根切り深さを乗じた体積としたか。</t>
    <phoneticPr fontId="24"/>
  </si>
  <si>
    <t>数量を建物の延べ面積に対応した工数として計上したか。</t>
    <rPh sb="0" eb="2">
      <t>スウリョウ</t>
    </rPh>
    <rPh sb="3" eb="5">
      <t>タテモノ</t>
    </rPh>
    <rPh sb="6" eb="7">
      <t>ノ</t>
    </rPh>
    <rPh sb="8" eb="10">
      <t>メンセキ</t>
    </rPh>
    <rPh sb="11" eb="13">
      <t>タイオウ</t>
    </rPh>
    <rPh sb="15" eb="17">
      <t>コウスウ</t>
    </rPh>
    <rPh sb="20" eb="22">
      <t>ケイジョウ</t>
    </rPh>
    <phoneticPr fontId="12"/>
  </si>
  <si>
    <t>図面特記がある場合、計上したか。　　㎡</t>
    <rPh sb="0" eb="2">
      <t>ズメン</t>
    </rPh>
    <rPh sb="2" eb="4">
      <t>トッキ</t>
    </rPh>
    <rPh sb="7" eb="9">
      <t>バアイ</t>
    </rPh>
    <rPh sb="10" eb="12">
      <t>ケイジョウ</t>
    </rPh>
    <phoneticPr fontId="12"/>
  </si>
  <si>
    <t>　・分岐部の配管の数量を立上り、立下り等を見込んだ長さとしたか。</t>
    <phoneticPr fontId="12"/>
  </si>
  <si>
    <t>　・ファンコイルユニット等に接続した配管の数量を立上り、立下り等を見込んだ長さとしたか。</t>
    <phoneticPr fontId="12"/>
  </si>
  <si>
    <t>　・放熱器等に接続したか配管の数量を立上り、立下り等を見込んだ長さとしたか。</t>
    <phoneticPr fontId="12"/>
  </si>
  <si>
    <t>改修工事の場合、主機械室内機器の数量は、建物の延べ面積に対応した工数を、改修面積、内容等により補正した工数としたか。</t>
    <rPh sb="0" eb="2">
      <t>カイシュウ</t>
    </rPh>
    <rPh sb="2" eb="4">
      <t>コウジ</t>
    </rPh>
    <rPh sb="5" eb="7">
      <t>バアイ</t>
    </rPh>
    <rPh sb="8" eb="9">
      <t>シュ</t>
    </rPh>
    <rPh sb="9" eb="12">
      <t>キカイシツ</t>
    </rPh>
    <rPh sb="12" eb="13">
      <t>ウチ</t>
    </rPh>
    <rPh sb="13" eb="15">
      <t>キキ</t>
    </rPh>
    <rPh sb="16" eb="18">
      <t>スウリョウ</t>
    </rPh>
    <rPh sb="20" eb="22">
      <t>タテモノ</t>
    </rPh>
    <rPh sb="23" eb="24">
      <t>ノ</t>
    </rPh>
    <rPh sb="25" eb="27">
      <t>メンセキ</t>
    </rPh>
    <rPh sb="28" eb="30">
      <t>タイオウ</t>
    </rPh>
    <rPh sb="32" eb="34">
      <t>コウスウ</t>
    </rPh>
    <rPh sb="36" eb="38">
      <t>カイシュウ</t>
    </rPh>
    <rPh sb="38" eb="40">
      <t>メンセキ</t>
    </rPh>
    <rPh sb="41" eb="44">
      <t>ナイヨウナド</t>
    </rPh>
    <rPh sb="47" eb="49">
      <t>ホセイ</t>
    </rPh>
    <rPh sb="51" eb="53">
      <t>コウスウ</t>
    </rPh>
    <phoneticPr fontId="12"/>
  </si>
  <si>
    <t>・　　　　　　〃　　　　　　　　：不要</t>
  </si>
  <si>
    <t>系統が独立しており風量調整を必要としないダクトを計測の対象としていないか。</t>
  </si>
  <si>
    <t>長方形ダクトの数量を表面積としたか。</t>
  </si>
  <si>
    <t>ライニング鋼管に取り付ける弁類を確認したか。：青銅製(管端防食コア)</t>
    <rPh sb="23" eb="26">
      <t>セイドウセイ</t>
    </rPh>
    <rPh sb="27" eb="28">
      <t>カン</t>
    </rPh>
    <rPh sb="28" eb="29">
      <t>タン</t>
    </rPh>
    <rPh sb="29" eb="31">
      <t>ボウショク</t>
    </rPh>
    <phoneticPr fontId="12"/>
  </si>
  <si>
    <t>青銅製の弁類を使用する場合は給水用（鉛ﾚｽ）としたか。</t>
    <rPh sb="0" eb="3">
      <t>セイドウセイ</t>
    </rPh>
    <rPh sb="4" eb="5">
      <t>ベン</t>
    </rPh>
    <rPh sb="5" eb="6">
      <t>ルイ</t>
    </rPh>
    <rPh sb="7" eb="9">
      <t>シヨウ</t>
    </rPh>
    <rPh sb="11" eb="13">
      <t>バアイ</t>
    </rPh>
    <rPh sb="14" eb="17">
      <t>キュウスイヨウ</t>
    </rPh>
    <rPh sb="18" eb="19">
      <t>ナマリ</t>
    </rPh>
    <phoneticPr fontId="12"/>
  </si>
  <si>
    <t>煙道の断熱材の数量を煙道の表面積としたか。</t>
  </si>
  <si>
    <t>給湯管の管材を確認したか。
（膨張管及び補給水タンクよりボイラー等への補給水管を含む）</t>
    <rPh sb="0" eb="3">
      <t>キュウトウカン</t>
    </rPh>
    <rPh sb="4" eb="5">
      <t>カン</t>
    </rPh>
    <rPh sb="5" eb="6">
      <t>ザイ</t>
    </rPh>
    <rPh sb="7" eb="9">
      <t>カクニン</t>
    </rPh>
    <rPh sb="15" eb="17">
      <t>ボウチョウ</t>
    </rPh>
    <rPh sb="17" eb="18">
      <t>カン</t>
    </rPh>
    <rPh sb="18" eb="19">
      <t>オヨ</t>
    </rPh>
    <rPh sb="20" eb="23">
      <t>ホキュウスイ</t>
    </rPh>
    <rPh sb="32" eb="33">
      <t>ナド</t>
    </rPh>
    <rPh sb="35" eb="38">
      <t>ホキュウスイ</t>
    </rPh>
    <rPh sb="38" eb="39">
      <t>カン</t>
    </rPh>
    <rPh sb="40" eb="41">
      <t>フク</t>
    </rPh>
    <phoneticPr fontId="4"/>
  </si>
  <si>
    <t>屋内消火栓の種別を確認したか。</t>
    <rPh sb="0" eb="2">
      <t>オクナイ</t>
    </rPh>
    <rPh sb="2" eb="5">
      <t>ショウカセン</t>
    </rPh>
    <rPh sb="6" eb="8">
      <t>シュベツ</t>
    </rPh>
    <rPh sb="9" eb="11">
      <t>カクニン</t>
    </rPh>
    <phoneticPr fontId="4"/>
  </si>
  <si>
    <t>屋内消火栓開閉弁の圧力を確認したか。</t>
    <rPh sb="9" eb="11">
      <t>アツリョク</t>
    </rPh>
    <rPh sb="12" eb="14">
      <t>カクニン</t>
    </rPh>
    <phoneticPr fontId="12"/>
  </si>
  <si>
    <t>接続するボンベ数としたか。</t>
    <rPh sb="0" eb="2">
      <t>セツゾク</t>
    </rPh>
    <rPh sb="7" eb="8">
      <t>スウ</t>
    </rPh>
    <phoneticPr fontId="13"/>
  </si>
  <si>
    <t>配管の埋設深さを確認したか。</t>
    <rPh sb="0" eb="2">
      <t>ハイカン</t>
    </rPh>
    <rPh sb="3" eb="5">
      <t>マイセツ</t>
    </rPh>
    <rPh sb="5" eb="6">
      <t>フカ</t>
    </rPh>
    <rPh sb="8" eb="10">
      <t>カクニン</t>
    </rPh>
    <phoneticPr fontId="12"/>
  </si>
  <si>
    <t>水栓柱の材質を確認したか。</t>
    <rPh sb="0" eb="3">
      <t>スイセンチュウ</t>
    </rPh>
    <rPh sb="4" eb="6">
      <t>ザイシツ</t>
    </rPh>
    <rPh sb="7" eb="9">
      <t>カクニン</t>
    </rPh>
    <phoneticPr fontId="12"/>
  </si>
  <si>
    <t>親メーター（○貸与品　○買取品）、読取方式（○直読式　　○遠隔式）</t>
    <rPh sb="0" eb="1">
      <t>オヤ</t>
    </rPh>
    <rPh sb="7" eb="9">
      <t>タイヨ</t>
    </rPh>
    <rPh sb="9" eb="10">
      <t>ヒン</t>
    </rPh>
    <rPh sb="12" eb="14">
      <t>カイトリ</t>
    </rPh>
    <rPh sb="14" eb="15">
      <t>ヒン</t>
    </rPh>
    <phoneticPr fontId="12"/>
  </si>
  <si>
    <t>子メーター（○貸与品　○買取品）、読取方式（○直読式　　○遠隔式）</t>
    <rPh sb="0" eb="1">
      <t>コ</t>
    </rPh>
    <phoneticPr fontId="12"/>
  </si>
  <si>
    <t>水道事業者指定品　　（○貸与品　○買取り）</t>
    <rPh sb="0" eb="2">
      <t>スイドウ</t>
    </rPh>
    <rPh sb="2" eb="5">
      <t>ジギョウシャ</t>
    </rPh>
    <rPh sb="5" eb="7">
      <t>シテイ</t>
    </rPh>
    <rPh sb="7" eb="8">
      <t>ヒン</t>
    </rPh>
    <rPh sb="12" eb="14">
      <t>タイヨ</t>
    </rPh>
    <rPh sb="14" eb="15">
      <t>ヒン</t>
    </rPh>
    <phoneticPr fontId="12"/>
  </si>
  <si>
    <t>標準図ＭＣ形</t>
    <rPh sb="0" eb="2">
      <t>ヒョウジュン</t>
    </rPh>
    <rPh sb="2" eb="3">
      <t>ズ</t>
    </rPh>
    <rPh sb="5" eb="6">
      <t>カタ</t>
    </rPh>
    <phoneticPr fontId="12"/>
  </si>
  <si>
    <t>配管の数量を排水桝の中心間における長さとしたか。</t>
    <rPh sb="6" eb="9">
      <t>ハイスイマス</t>
    </rPh>
    <rPh sb="10" eb="12">
      <t>チュウシン</t>
    </rPh>
    <rPh sb="12" eb="13">
      <t>カン</t>
    </rPh>
    <phoneticPr fontId="12"/>
  </si>
  <si>
    <t>桝の設置箇所の蓋の耐荷重を確認したか。</t>
    <rPh sb="0" eb="1">
      <t>マス</t>
    </rPh>
    <rPh sb="2" eb="4">
      <t>セッチ</t>
    </rPh>
    <rPh sb="4" eb="6">
      <t>カショ</t>
    </rPh>
    <rPh sb="13" eb="15">
      <t>カクニン</t>
    </rPh>
    <phoneticPr fontId="12"/>
  </si>
  <si>
    <t>桝類（コンクリート製）の土工事は歩掛りに含まれているので、配管長による土工事からその分を差し引いているか。</t>
    <rPh sb="0" eb="1">
      <t>マス</t>
    </rPh>
    <rPh sb="1" eb="2">
      <t>ルイ</t>
    </rPh>
    <rPh sb="9" eb="10">
      <t>セイ</t>
    </rPh>
    <rPh sb="12" eb="15">
      <t>ドコウジ</t>
    </rPh>
    <rPh sb="16" eb="18">
      <t>ブガカ</t>
    </rPh>
    <rPh sb="20" eb="21">
      <t>フク</t>
    </rPh>
    <rPh sb="29" eb="31">
      <t>ハイカン</t>
    </rPh>
    <rPh sb="31" eb="32">
      <t>チョウ</t>
    </rPh>
    <rPh sb="35" eb="36">
      <t>ド</t>
    </rPh>
    <rPh sb="36" eb="38">
      <t>コウジ</t>
    </rPh>
    <rPh sb="42" eb="43">
      <t>ブン</t>
    </rPh>
    <rPh sb="44" eb="45">
      <t>サ</t>
    </rPh>
    <rPh sb="46" eb="47">
      <t>ヒ</t>
    </rPh>
    <phoneticPr fontId="12"/>
  </si>
  <si>
    <t>プラスチック桝の土工事は歩掛りに含まれていないので、配管長による土工事からの差し引きをしてしまっていないか。</t>
    <rPh sb="6" eb="7">
      <t>マス</t>
    </rPh>
    <rPh sb="8" eb="11">
      <t>ドコウジ</t>
    </rPh>
    <rPh sb="12" eb="14">
      <t>ブガカ</t>
    </rPh>
    <rPh sb="16" eb="17">
      <t>フク</t>
    </rPh>
    <rPh sb="26" eb="28">
      <t>ハイカン</t>
    </rPh>
    <rPh sb="28" eb="29">
      <t>チョウ</t>
    </rPh>
    <rPh sb="32" eb="33">
      <t>ド</t>
    </rPh>
    <rPh sb="33" eb="35">
      <t>コウジ</t>
    </rPh>
    <rPh sb="38" eb="39">
      <t>サ</t>
    </rPh>
    <rPh sb="40" eb="41">
      <t>ヒ</t>
    </rPh>
    <phoneticPr fontId="12"/>
  </si>
  <si>
    <t>法付け工法の法幅を根切り深さに 0.3を乗じたものとしたか。</t>
    <phoneticPr fontId="12"/>
  </si>
  <si>
    <t>法付け工法の作業上のゆとり幅を配管類においては0.3ｍとしたか。</t>
    <phoneticPr fontId="12"/>
  </si>
  <si>
    <t>法付け工法の余幅をゆとり幅に法幅の1/2を加えるものとしたか。</t>
  </si>
  <si>
    <t>外部足場の数量を足場の中心の水平長さと構築物等の上部までの高さによる面積としたか。また、安全手すりの数量は足場の水平長さとしたか。</t>
    <phoneticPr fontId="12"/>
  </si>
  <si>
    <t>足場の種別を確認したか。（○　　種、○　　種、○　　種、○　　種）</t>
    <rPh sb="0" eb="2">
      <t>アシバ</t>
    </rPh>
    <rPh sb="3" eb="5">
      <t>シュベツ</t>
    </rPh>
    <rPh sb="6" eb="8">
      <t>カクニン</t>
    </rPh>
    <rPh sb="16" eb="17">
      <t>シュ</t>
    </rPh>
    <rPh sb="21" eb="22">
      <t>シュ</t>
    </rPh>
    <rPh sb="26" eb="27">
      <t>シュ</t>
    </rPh>
    <phoneticPr fontId="12"/>
  </si>
  <si>
    <t>新設の歩掛りに対する撤去の補正率を確認したか。</t>
    <rPh sb="0" eb="2">
      <t>シンセツ</t>
    </rPh>
    <rPh sb="3" eb="5">
      <t>ブガカ</t>
    </rPh>
    <rPh sb="7" eb="8">
      <t>タイ</t>
    </rPh>
    <rPh sb="10" eb="12">
      <t>テッキョ</t>
    </rPh>
    <rPh sb="13" eb="15">
      <t>ホセイ</t>
    </rPh>
    <rPh sb="15" eb="16">
      <t>リツ</t>
    </rPh>
    <rPh sb="17" eb="19">
      <t>カクニン</t>
    </rPh>
    <phoneticPr fontId="12"/>
  </si>
  <si>
    <t>撤去後に再使用しないものと再使用するものを区別したか。</t>
    <rPh sb="0" eb="2">
      <t>テッキョ</t>
    </rPh>
    <rPh sb="2" eb="3">
      <t>ゴ</t>
    </rPh>
    <rPh sb="4" eb="7">
      <t>サイシヨウ</t>
    </rPh>
    <rPh sb="13" eb="16">
      <t>サイシヨウ</t>
    </rPh>
    <rPh sb="21" eb="23">
      <t>クベツ</t>
    </rPh>
    <phoneticPr fontId="12"/>
  </si>
  <si>
    <t>大型機器の撤去費は製造業者等からの見積りを参考としたか。</t>
    <rPh sb="0" eb="2">
      <t>オオガタ</t>
    </rPh>
    <rPh sb="2" eb="4">
      <t>キキ</t>
    </rPh>
    <rPh sb="5" eb="7">
      <t>テッキョ</t>
    </rPh>
    <rPh sb="7" eb="8">
      <t>ヒ</t>
    </rPh>
    <rPh sb="9" eb="11">
      <t>セイゾウ</t>
    </rPh>
    <rPh sb="11" eb="13">
      <t>ギョウシャ</t>
    </rPh>
    <rPh sb="13" eb="14">
      <t>トウ</t>
    </rPh>
    <rPh sb="21" eb="23">
      <t>サンコウ</t>
    </rPh>
    <phoneticPr fontId="12"/>
  </si>
  <si>
    <t>標準歩掛りを用いて撤去する機器の搬出費は搬入費の90％としたか。</t>
    <rPh sb="0" eb="2">
      <t>ヒョウジュン</t>
    </rPh>
    <rPh sb="2" eb="4">
      <t>ブガカ</t>
    </rPh>
    <rPh sb="6" eb="7">
      <t>モチ</t>
    </rPh>
    <rPh sb="9" eb="11">
      <t>テッキョ</t>
    </rPh>
    <rPh sb="13" eb="15">
      <t>キキ</t>
    </rPh>
    <rPh sb="16" eb="18">
      <t>ハンシュツ</t>
    </rPh>
    <rPh sb="18" eb="19">
      <t>ヒ</t>
    </rPh>
    <rPh sb="20" eb="22">
      <t>ハンニュウ</t>
    </rPh>
    <rPh sb="22" eb="23">
      <t>ヒ</t>
    </rPh>
    <phoneticPr fontId="12"/>
  </si>
  <si>
    <t>計器類の撤去を計上していないか。</t>
    <rPh sb="0" eb="3">
      <t>ケイキルイ</t>
    </rPh>
    <rPh sb="4" eb="6">
      <t>テッキョ</t>
    </rPh>
    <rPh sb="7" eb="9">
      <t>ケイジョウ</t>
    </rPh>
    <phoneticPr fontId="12"/>
  </si>
  <si>
    <t>改修工事における、配管・ダクトに適用したか。</t>
    <rPh sb="0" eb="2">
      <t>カイシュウ</t>
    </rPh>
    <rPh sb="2" eb="4">
      <t>コウジ</t>
    </rPh>
    <rPh sb="9" eb="11">
      <t>ハイカン</t>
    </rPh>
    <rPh sb="16" eb="18">
      <t>テキヨウ</t>
    </rPh>
    <phoneticPr fontId="12"/>
  </si>
  <si>
    <t>数量を種類及び仕様等により区分したか。</t>
    <rPh sb="0" eb="2">
      <t>スウリョウ</t>
    </rPh>
    <phoneticPr fontId="12"/>
  </si>
  <si>
    <t>設計図書に対象範囲が指定されている場合は、その数量としたか。</t>
    <phoneticPr fontId="12"/>
  </si>
  <si>
    <t>石綿含有分析調査について確認したか。</t>
    <rPh sb="0" eb="2">
      <t>セキメン</t>
    </rPh>
    <rPh sb="2" eb="4">
      <t>ガンユウ</t>
    </rPh>
    <rPh sb="4" eb="6">
      <t>ブンセキ</t>
    </rPh>
    <rPh sb="6" eb="8">
      <t>チョウサ</t>
    </rPh>
    <phoneticPr fontId="3"/>
  </si>
  <si>
    <t>金属類の処理について確認したか。</t>
    <rPh sb="0" eb="3">
      <t>キンゾクルイ</t>
    </rPh>
    <rPh sb="4" eb="6">
      <t>ショリ</t>
    </rPh>
    <rPh sb="10" eb="12">
      <t>カクニン</t>
    </rPh>
    <phoneticPr fontId="12"/>
  </si>
  <si>
    <t>特別管理産業廃棄物の処理について確認したか。</t>
    <rPh sb="10" eb="12">
      <t>ショリ</t>
    </rPh>
    <rPh sb="16" eb="18">
      <t>カクニン</t>
    </rPh>
    <phoneticPr fontId="12"/>
  </si>
  <si>
    <t>石綿含有産業廃棄物の処理について確認したか。</t>
    <rPh sb="10" eb="12">
      <t>ショリ</t>
    </rPh>
    <rPh sb="16" eb="18">
      <t>カクニン</t>
    </rPh>
    <phoneticPr fontId="12"/>
  </si>
  <si>
    <t>撤去するオイルタンクの内部洗浄、中和処理等について確認したか。</t>
    <rPh sb="0" eb="2">
      <t>テッキョ</t>
    </rPh>
    <rPh sb="11" eb="13">
      <t>ナイブ</t>
    </rPh>
    <rPh sb="13" eb="15">
      <t>センジョウ</t>
    </rPh>
    <rPh sb="16" eb="18">
      <t>チュウワ</t>
    </rPh>
    <rPh sb="18" eb="20">
      <t>ショリ</t>
    </rPh>
    <rPh sb="20" eb="21">
      <t>トウ</t>
    </rPh>
    <rPh sb="25" eb="27">
      <t>カクニン</t>
    </rPh>
    <phoneticPr fontId="12"/>
  </si>
  <si>
    <t>冷媒（フロン類）の回収について確認したか。</t>
    <rPh sb="0" eb="2">
      <t>レイバイ</t>
    </rPh>
    <rPh sb="6" eb="7">
      <t>ルイ</t>
    </rPh>
    <rPh sb="9" eb="11">
      <t>カイシュウ</t>
    </rPh>
    <rPh sb="15" eb="17">
      <t>カクニン</t>
    </rPh>
    <phoneticPr fontId="12"/>
  </si>
  <si>
    <t>吸収液（臭化リチウム水溶液）、潤滑油等の回収について確認したか。</t>
    <rPh sb="0" eb="2">
      <t>キュウシュウ</t>
    </rPh>
    <rPh sb="2" eb="3">
      <t>エキ</t>
    </rPh>
    <rPh sb="4" eb="6">
      <t>シュウカ</t>
    </rPh>
    <rPh sb="10" eb="13">
      <t>スイヨウエキ</t>
    </rPh>
    <rPh sb="15" eb="18">
      <t>ジュンカツユ</t>
    </rPh>
    <rPh sb="18" eb="19">
      <t>トウ</t>
    </rPh>
    <rPh sb="20" eb="22">
      <t>カイシュウ</t>
    </rPh>
    <rPh sb="26" eb="28">
      <t>カクニン</t>
    </rPh>
    <phoneticPr fontId="12"/>
  </si>
  <si>
    <t>家電リサイクル法対象機器の有無を確認したか。</t>
    <rPh sb="13" eb="15">
      <t>ウム</t>
    </rPh>
    <phoneticPr fontId="12"/>
  </si>
  <si>
    <t>不凍水栓柱の場合は耐寒水栓としたか。</t>
    <rPh sb="0" eb="5">
      <t>フトウスイセンチュウ</t>
    </rPh>
    <rPh sb="6" eb="8">
      <t>バアイ</t>
    </rPh>
    <rPh sb="9" eb="11">
      <t>タイカン</t>
    </rPh>
    <rPh sb="11" eb="13">
      <t>スイセン</t>
    </rPh>
    <phoneticPr fontId="12"/>
  </si>
  <si>
    <t>　水栓類</t>
    <phoneticPr fontId="12"/>
  </si>
  <si>
    <t>　配管材料</t>
  </si>
  <si>
    <t>配管材料を確認したか。</t>
    <rPh sb="2" eb="4">
      <t>ザイリョウ</t>
    </rPh>
    <rPh sb="5" eb="7">
      <t>カクニン</t>
    </rPh>
    <phoneticPr fontId="12"/>
  </si>
  <si>
    <t>内訳書への計上の単位を質量(ｔ)としたか。</t>
    <rPh sb="0" eb="3">
      <t>ウチワケショ</t>
    </rPh>
    <rPh sb="5" eb="7">
      <t>ケイジョウ</t>
    </rPh>
    <rPh sb="8" eb="10">
      <t>タンイ</t>
    </rPh>
    <rPh sb="11" eb="13">
      <t>シツリョウ</t>
    </rPh>
    <phoneticPr fontId="12"/>
  </si>
  <si>
    <t>　上記以外のもの</t>
    <phoneticPr fontId="12"/>
  </si>
  <si>
    <t>　仮設間仕切り</t>
    <phoneticPr fontId="12"/>
  </si>
  <si>
    <t>　弁類</t>
    <phoneticPr fontId="12"/>
  </si>
  <si>
    <t>　水栓類</t>
    <phoneticPr fontId="12"/>
  </si>
  <si>
    <t>　配管材料</t>
    <phoneticPr fontId="12"/>
  </si>
  <si>
    <t>　ガス栓類</t>
    <phoneticPr fontId="12"/>
  </si>
  <si>
    <t>　集合装置</t>
    <phoneticPr fontId="12"/>
  </si>
  <si>
    <t>　・１０Ｋ</t>
    <phoneticPr fontId="12"/>
  </si>
  <si>
    <t>衛生器具は、本体及び水栓、止水栓、排水トラップ等の付属金物又は付属品を含めて一組としたか。</t>
    <phoneticPr fontId="12"/>
  </si>
  <si>
    <t>排煙ダクトに使用するＦＤをＨＦＤとしたか。</t>
    <phoneticPr fontId="12"/>
  </si>
  <si>
    <t>　ダンパー</t>
    <phoneticPr fontId="12"/>
  </si>
  <si>
    <t>１　ダクト</t>
    <phoneticPr fontId="12"/>
  </si>
  <si>
    <t>主機械室内機器の数量を建物の延面積に対応した工数としたか。</t>
    <phoneticPr fontId="12"/>
  </si>
  <si>
    <t>ファンコイルユニットの数量をファンコイルユニットの台数としたか。</t>
    <phoneticPr fontId="12"/>
  </si>
  <si>
    <t>直接暖房の蒸気配管、空気抜き管、油管等を計測の対象としていないか。</t>
    <phoneticPr fontId="12"/>
  </si>
  <si>
    <t>配管系統の数量を配管の長さとしたか。</t>
    <phoneticPr fontId="12"/>
  </si>
  <si>
    <t>　ﾌﾚｷｼﾌﾞﾙｼﾞｮｲﾝﾄ</t>
    <phoneticPr fontId="12"/>
  </si>
  <si>
    <t>２．空気調和設備</t>
    <phoneticPr fontId="12"/>
  </si>
  <si>
    <t>弁装置の構成品の歩掛りを確認したか。</t>
    <phoneticPr fontId="12"/>
  </si>
  <si>
    <t>　防振継手</t>
    <phoneticPr fontId="12"/>
  </si>
  <si>
    <t>　吹出口及び吸込口</t>
    <phoneticPr fontId="12"/>
  </si>
  <si>
    <t>工事種目を確認したか。</t>
    <phoneticPr fontId="12"/>
  </si>
  <si>
    <t>　工事種目</t>
    <phoneticPr fontId="12"/>
  </si>
  <si>
    <t>全体工事のうち、一部分について全体工期より先に完成を指定した部分(指定部分）等がある場合は、当該部分を区分して記載したか。</t>
    <phoneticPr fontId="12"/>
  </si>
  <si>
    <t>設計図書の工事種目等を標準として直接工事費を科目に区分しその科目を記載したか。</t>
    <phoneticPr fontId="12"/>
  </si>
  <si>
    <t>科目別内訳において区分した科目をさらに主要な構成に従い区分し、その中科目を記載したか。ただし、工事内容等により区分する必要がない場合は、省略したか。</t>
    <phoneticPr fontId="12"/>
  </si>
  <si>
    <t>機器の予備品は、機器本体とは別に計上したか。</t>
    <phoneticPr fontId="24"/>
  </si>
  <si>
    <t>煙道の数量を搬入・据付費までを含め1式としたか。</t>
    <rPh sb="0" eb="2">
      <t>エンドウ</t>
    </rPh>
    <rPh sb="3" eb="5">
      <t>スウリョウ</t>
    </rPh>
    <rPh sb="6" eb="8">
      <t>ハンニュウ</t>
    </rPh>
    <rPh sb="9" eb="11">
      <t>スエツケ</t>
    </rPh>
    <rPh sb="11" eb="12">
      <t>ヒ</t>
    </rPh>
    <rPh sb="15" eb="16">
      <t>フク</t>
    </rPh>
    <rPh sb="18" eb="19">
      <t>シキ</t>
    </rPh>
    <phoneticPr fontId="12"/>
  </si>
  <si>
    <t>内訳書への計上の単位を質量(ｔ)としたか。</t>
    <phoneticPr fontId="12"/>
  </si>
  <si>
    <t>手練り、生コンの種別を確認したか。</t>
    <rPh sb="0" eb="1">
      <t>テ</t>
    </rPh>
    <rPh sb="1" eb="2">
      <t>ネ</t>
    </rPh>
    <rPh sb="4" eb="5">
      <t>ナマ</t>
    </rPh>
    <rPh sb="8" eb="10">
      <t>シュベツ</t>
    </rPh>
    <rPh sb="11" eb="13">
      <t>カクニン</t>
    </rPh>
    <phoneticPr fontId="12"/>
  </si>
  <si>
    <t>モルタル仕上げの場合、2回使用の型枠を検討したか。</t>
    <rPh sb="4" eb="6">
      <t>シア</t>
    </rPh>
    <rPh sb="8" eb="10">
      <t>バアイ</t>
    </rPh>
    <rPh sb="12" eb="13">
      <t>カイ</t>
    </rPh>
    <rPh sb="13" eb="15">
      <t>シヨウ</t>
    </rPh>
    <rPh sb="16" eb="18">
      <t>カタワク</t>
    </rPh>
    <rPh sb="19" eb="21">
      <t>ケントウ</t>
    </rPh>
    <phoneticPr fontId="3"/>
  </si>
  <si>
    <t>数量を建物の延べ面積に対応した工数として計上したか。</t>
    <rPh sb="20" eb="22">
      <t>ケイジョウ</t>
    </rPh>
    <phoneticPr fontId="3"/>
  </si>
  <si>
    <t>図面特記がある場合、計上したか。　　　　㎡</t>
    <rPh sb="0" eb="2">
      <t>ズメン</t>
    </rPh>
    <rPh sb="2" eb="4">
      <t>トッキ</t>
    </rPh>
    <rPh sb="7" eb="9">
      <t>バアイ</t>
    </rPh>
    <rPh sb="10" eb="12">
      <t>ケイジョウ</t>
    </rPh>
    <phoneticPr fontId="12"/>
  </si>
  <si>
    <t>６．衛生器具設備</t>
    <phoneticPr fontId="12"/>
  </si>
  <si>
    <t>煙道の数量を搬入・据付費までを含め一式としたか。</t>
    <rPh sb="0" eb="2">
      <t>エンドウ</t>
    </rPh>
    <rPh sb="3" eb="5">
      <t>スウリョウ</t>
    </rPh>
    <rPh sb="6" eb="8">
      <t>ハンニュウ</t>
    </rPh>
    <rPh sb="9" eb="11">
      <t>スエツケ</t>
    </rPh>
    <rPh sb="11" eb="12">
      <t>ヒ</t>
    </rPh>
    <rPh sb="15" eb="16">
      <t>フク</t>
    </rPh>
    <rPh sb="17" eb="19">
      <t>イッシキ</t>
    </rPh>
    <phoneticPr fontId="12"/>
  </si>
  <si>
    <t>チャンバーの塗装の数量は表面積としたか。</t>
    <phoneticPr fontId="12"/>
  </si>
  <si>
    <t>既設配管に予め分岐のための接続措置が施されている場合又は弁類への接続を計測の対象としていないか。</t>
    <phoneticPr fontId="12"/>
  </si>
  <si>
    <t>１４. 直接仮設</t>
    <phoneticPr fontId="12"/>
  </si>
  <si>
    <t>内部足場の数量を対象面積としたか。なお、階高が４ｍを超える内部足場を高さに応じた足場とし、その数量は足場の区分に応じた足場設置対象の床面積としたか。</t>
    <rPh sb="26" eb="27">
      <t>コ</t>
    </rPh>
    <rPh sb="59" eb="61">
      <t>アシバ</t>
    </rPh>
    <rPh sb="61" eb="63">
      <t>セッチ</t>
    </rPh>
    <rPh sb="66" eb="67">
      <t>ユカ</t>
    </rPh>
    <phoneticPr fontId="12"/>
  </si>
  <si>
    <t>仮設間仕切りの数量を種別ごとの面積、長さ又は箇所数としたか。</t>
    <rPh sb="18" eb="19">
      <t>ナガ</t>
    </rPh>
    <rPh sb="20" eb="21">
      <t>マタ</t>
    </rPh>
    <rPh sb="22" eb="24">
      <t>カショ</t>
    </rPh>
    <rPh sb="24" eb="25">
      <t>スウ</t>
    </rPh>
    <phoneticPr fontId="12"/>
  </si>
  <si>
    <t>エレベーターの数量をかご内の壁面積（壁の長さ×養生に必要な高さ）及び床面積としたか。または、同一エレベーターごとの箇所数としたか。</t>
    <rPh sb="46" eb="48">
      <t>ドウイツ</t>
    </rPh>
    <rPh sb="57" eb="59">
      <t>カショ</t>
    </rPh>
    <rPh sb="59" eb="60">
      <t>スウ</t>
    </rPh>
    <phoneticPr fontId="12"/>
  </si>
  <si>
    <t>１５．撤去工事</t>
    <phoneticPr fontId="12"/>
  </si>
  <si>
    <t>３　配管</t>
    <rPh sb="2" eb="4">
      <t>ハイカン</t>
    </rPh>
    <phoneticPr fontId="12"/>
  </si>
  <si>
    <t>配管の撤去に伴う、弁類、継手等の数量を呼び径６５以上を対象とし、形式、規格及び呼び径ごとの個数としたか。</t>
    <phoneticPr fontId="12"/>
  </si>
  <si>
    <t>弁類の保温の数量を呼び径６５以上を対象とし、形式、規格及び呼び径ごとの個数としたか。</t>
    <rPh sb="3" eb="5">
      <t>ホオン</t>
    </rPh>
    <phoneticPr fontId="12"/>
  </si>
  <si>
    <t>１６．あと施工アンカー</t>
    <phoneticPr fontId="12"/>
  </si>
  <si>
    <t>１７．切断・分岐・閉塞</t>
    <rPh sb="6" eb="8">
      <t>ブンキ</t>
    </rPh>
    <phoneticPr fontId="12"/>
  </si>
  <si>
    <t>切断・分岐・閉塞を配管、ダクトに区分したか。</t>
    <rPh sb="3" eb="5">
      <t>ブンキ</t>
    </rPh>
    <phoneticPr fontId="12"/>
  </si>
  <si>
    <t>配管の切断、分岐部の数量を切断、分岐される既設配管の管種及び呼び径ごとの箇所数としたか。</t>
    <rPh sb="6" eb="8">
      <t>ブンキ</t>
    </rPh>
    <rPh sb="16" eb="18">
      <t>ブンキ</t>
    </rPh>
    <phoneticPr fontId="12"/>
  </si>
  <si>
    <t>既設配管の端部閉塞処置の数量を呼び径ごとの箇所数としたか。</t>
    <phoneticPr fontId="12"/>
  </si>
  <si>
    <t>既設ダクトの閉塞処置の数量を閉塞部の開口面積ごとの箇所数としたか。</t>
    <phoneticPr fontId="12"/>
  </si>
  <si>
    <t>　建設発生土</t>
    <phoneticPr fontId="12"/>
  </si>
  <si>
    <t>１５． 直接仮設</t>
    <phoneticPr fontId="12"/>
  </si>
  <si>
    <t>仮設間仕切りの数量を種別ごとの面積としたか。</t>
    <phoneticPr fontId="12"/>
  </si>
  <si>
    <t>１６．撤去工事</t>
    <phoneticPr fontId="12"/>
  </si>
  <si>
    <t>１７．あと施工アンカー</t>
    <phoneticPr fontId="12"/>
  </si>
  <si>
    <t>１８．切断・分岐・閉塞</t>
    <rPh sb="6" eb="8">
      <t>ブンキ</t>
    </rPh>
    <phoneticPr fontId="12"/>
  </si>
  <si>
    <t>端数処理は、四捨五入としたか。</t>
    <rPh sb="0" eb="2">
      <t>ハスウ</t>
    </rPh>
    <rPh sb="2" eb="4">
      <t>ショリ</t>
    </rPh>
    <rPh sb="6" eb="10">
      <t>シシャゴニュウ</t>
    </rPh>
    <phoneticPr fontId="12"/>
  </si>
  <si>
    <t>４　保温</t>
    <phoneticPr fontId="12"/>
  </si>
  <si>
    <t>５　塗装</t>
    <rPh sb="2" eb="4">
      <t>トソウ</t>
    </rPh>
    <phoneticPr fontId="12"/>
  </si>
  <si>
    <t>４　保温</t>
    <rPh sb="2" eb="4">
      <t>ホオン</t>
    </rPh>
    <phoneticPr fontId="12"/>
  </si>
  <si>
    <t>６　土工事</t>
    <phoneticPr fontId="12"/>
  </si>
  <si>
    <t>冷温水配管の数量は、次としたか。</t>
    <phoneticPr fontId="12"/>
  </si>
  <si>
    <t>　機器数量</t>
    <rPh sb="1" eb="3">
      <t>キキ</t>
    </rPh>
    <rPh sb="3" eb="5">
      <t>スウリョウ</t>
    </rPh>
    <phoneticPr fontId="12"/>
  </si>
  <si>
    <t>３　保温</t>
    <rPh sb="2" eb="4">
      <t>ホオン</t>
    </rPh>
    <phoneticPr fontId="12"/>
  </si>
  <si>
    <t>　総合調整</t>
    <rPh sb="1" eb="3">
      <t>ソウゴウ</t>
    </rPh>
    <rPh sb="3" eb="5">
      <t>チョウセイ</t>
    </rPh>
    <phoneticPr fontId="12"/>
  </si>
  <si>
    <t>　衛生器具</t>
    <rPh sb="1" eb="3">
      <t>エイセイ</t>
    </rPh>
    <rPh sb="3" eb="5">
      <t>キグ</t>
    </rPh>
    <phoneticPr fontId="12"/>
  </si>
  <si>
    <t>３　保温</t>
    <phoneticPr fontId="12"/>
  </si>
  <si>
    <t>　あと施工ｱﾝｶｰ</t>
    <phoneticPr fontId="12"/>
  </si>
  <si>
    <t>　切断・分岐・閉塞</t>
    <phoneticPr fontId="12"/>
  </si>
  <si>
    <t>新営・改修等による他工事との使用単価（新営・改修）を確認したか。</t>
    <rPh sb="0" eb="2">
      <t>シンエイ</t>
    </rPh>
    <rPh sb="3" eb="5">
      <t>カイシュウ</t>
    </rPh>
    <rPh sb="5" eb="6">
      <t>トウ</t>
    </rPh>
    <rPh sb="9" eb="12">
      <t>タコウジ</t>
    </rPh>
    <rPh sb="14" eb="16">
      <t>シヨウ</t>
    </rPh>
    <rPh sb="16" eb="18">
      <t>タンカ</t>
    </rPh>
    <rPh sb="19" eb="21">
      <t>シンエイ</t>
    </rPh>
    <rPh sb="22" eb="24">
      <t>カイシュウ</t>
    </rPh>
    <rPh sb="26" eb="28">
      <t>カクニン</t>
    </rPh>
    <phoneticPr fontId="12"/>
  </si>
  <si>
    <t>　コンクリート</t>
    <phoneticPr fontId="12"/>
  </si>
  <si>
    <t>配管類のためのスリーブ費を配管工事費に対し次の率で計上したか。</t>
    <rPh sb="0" eb="2">
      <t>ハイカン</t>
    </rPh>
    <rPh sb="2" eb="3">
      <t>タグイ</t>
    </rPh>
    <rPh sb="11" eb="12">
      <t>ヒ</t>
    </rPh>
    <rPh sb="13" eb="15">
      <t>ハイカン</t>
    </rPh>
    <rPh sb="15" eb="17">
      <t>コウジ</t>
    </rPh>
    <rPh sb="17" eb="18">
      <t>ヒ</t>
    </rPh>
    <rPh sb="19" eb="20">
      <t>タイ</t>
    </rPh>
    <rPh sb="21" eb="22">
      <t>ツギ</t>
    </rPh>
    <rPh sb="23" eb="24">
      <t>リツ</t>
    </rPh>
    <rPh sb="25" eb="27">
      <t>ケイジョウ</t>
    </rPh>
    <phoneticPr fontId="12"/>
  </si>
  <si>
    <t>デッキプレートの開口切断費を配管工事費に対し２％の率で計上したか。</t>
    <phoneticPr fontId="12"/>
  </si>
  <si>
    <t>弁類、ストレーナー等の保温は呼び径が65以上を計測の対象とし、保温の数量を個数としたか。</t>
    <phoneticPr fontId="12"/>
  </si>
  <si>
    <t>　自動制御設備</t>
    <rPh sb="1" eb="3">
      <t>ジドウ</t>
    </rPh>
    <rPh sb="3" eb="5">
      <t>セイギョ</t>
    </rPh>
    <rPh sb="5" eb="7">
      <t>セツビ</t>
    </rPh>
    <phoneticPr fontId="12"/>
  </si>
  <si>
    <t>　衛生器具</t>
    <phoneticPr fontId="12"/>
  </si>
  <si>
    <t>　都市ガス設備</t>
    <rPh sb="1" eb="3">
      <t>トシ</t>
    </rPh>
    <rPh sb="5" eb="7">
      <t>セツビ</t>
    </rPh>
    <phoneticPr fontId="12"/>
  </si>
  <si>
    <t>　搬入・据付</t>
    <phoneticPr fontId="12"/>
  </si>
  <si>
    <t>　切断・分岐・閉塞</t>
    <rPh sb="1" eb="3">
      <t>セツダン</t>
    </rPh>
    <rPh sb="4" eb="6">
      <t>ブンキ</t>
    </rPh>
    <rPh sb="7" eb="9">
      <t>ヘイソク</t>
    </rPh>
    <phoneticPr fontId="12"/>
  </si>
  <si>
    <t>　　・図面及び特記仕様書</t>
    <rPh sb="3" eb="5">
      <t>ズメン</t>
    </rPh>
    <rPh sb="5" eb="6">
      <t>オヨ</t>
    </rPh>
    <rPh sb="7" eb="9">
      <t>トッキ</t>
    </rPh>
    <rPh sb="9" eb="12">
      <t>シヨウショ</t>
    </rPh>
    <phoneticPr fontId="12"/>
  </si>
  <si>
    <t>工事種目を確認したか。</t>
    <phoneticPr fontId="12"/>
  </si>
  <si>
    <t>工事科目を確認したか。</t>
    <rPh sb="2" eb="4">
      <t>カモク</t>
    </rPh>
    <phoneticPr fontId="12"/>
  </si>
  <si>
    <t>　・有り　　範囲：</t>
    <rPh sb="2" eb="3">
      <t>ア</t>
    </rPh>
    <rPh sb="6" eb="8">
      <t>ハンイ</t>
    </rPh>
    <phoneticPr fontId="12"/>
  </si>
  <si>
    <t>　足場</t>
    <rPh sb="1" eb="3">
      <t>アシバ</t>
    </rPh>
    <phoneticPr fontId="14"/>
  </si>
  <si>
    <t>養生範囲を確認したか。</t>
    <rPh sb="0" eb="2">
      <t>ヨウジョウ</t>
    </rPh>
    <rPh sb="2" eb="4">
      <t>ハンイ</t>
    </rPh>
    <rPh sb="5" eb="7">
      <t>カクニン</t>
    </rPh>
    <phoneticPr fontId="12"/>
  </si>
  <si>
    <t>発生材処理の有無について確認したか。</t>
    <rPh sb="0" eb="2">
      <t>ハッセイ</t>
    </rPh>
    <rPh sb="2" eb="3">
      <t>ザイ</t>
    </rPh>
    <rPh sb="3" eb="5">
      <t>ショリ</t>
    </rPh>
    <rPh sb="6" eb="8">
      <t>ウム</t>
    </rPh>
    <rPh sb="12" eb="14">
      <t>カクニン</t>
    </rPh>
    <phoneticPr fontId="12"/>
  </si>
  <si>
    <t>揚重機の指定があるか確認したか。指定がある場合は別計上したか。</t>
    <rPh sb="0" eb="3">
      <t>ヨウジュウキ</t>
    </rPh>
    <rPh sb="4" eb="6">
      <t>シテイ</t>
    </rPh>
    <rPh sb="10" eb="12">
      <t>カクニン</t>
    </rPh>
    <rPh sb="16" eb="18">
      <t>シテイ</t>
    </rPh>
    <rPh sb="21" eb="23">
      <t>バアイ</t>
    </rPh>
    <rPh sb="24" eb="25">
      <t>ベツ</t>
    </rPh>
    <rPh sb="25" eb="27">
      <t>ケイジョウ</t>
    </rPh>
    <phoneticPr fontId="12"/>
  </si>
  <si>
    <t>現場塗装の場合は次の項目を確認したか。</t>
    <rPh sb="0" eb="2">
      <t>ゲンバ</t>
    </rPh>
    <phoneticPr fontId="12"/>
  </si>
  <si>
    <t>塗装の有無及び工法について確認したか。</t>
    <rPh sb="0" eb="2">
      <t>トソウ</t>
    </rPh>
    <rPh sb="3" eb="5">
      <t>ウム</t>
    </rPh>
    <rPh sb="5" eb="6">
      <t>オヨ</t>
    </rPh>
    <rPh sb="7" eb="9">
      <t>コウホウ</t>
    </rPh>
    <phoneticPr fontId="12"/>
  </si>
  <si>
    <t>ダクトの数量は消音エルボ、チャンバー、吹出口ボックス、鋼板製ダクト(1.6mm)を除いたものとしたか。</t>
    <rPh sb="4" eb="6">
      <t>スウリョウ</t>
    </rPh>
    <rPh sb="7" eb="9">
      <t>ショウオン</t>
    </rPh>
    <rPh sb="19" eb="20">
      <t>フ</t>
    </rPh>
    <rPh sb="20" eb="21">
      <t>ダ</t>
    </rPh>
    <rPh sb="21" eb="22">
      <t>クチ</t>
    </rPh>
    <rPh sb="27" eb="30">
      <t>コウハンセイ</t>
    </rPh>
    <rPh sb="41" eb="42">
      <t>ノゾ</t>
    </rPh>
    <phoneticPr fontId="12"/>
  </si>
  <si>
    <t>長方形ダクトの長辺が1,500mmを超える場合はアングルフランジ工法としたか。</t>
    <rPh sb="0" eb="3">
      <t>チョウホウケイ</t>
    </rPh>
    <rPh sb="7" eb="9">
      <t>チョウヘン</t>
    </rPh>
    <rPh sb="18" eb="19">
      <t>コ</t>
    </rPh>
    <rPh sb="21" eb="23">
      <t>バアイ</t>
    </rPh>
    <rPh sb="32" eb="34">
      <t>コウホウ</t>
    </rPh>
    <phoneticPr fontId="12"/>
  </si>
  <si>
    <t>定風量ユニット及び変風量ユニット数量を形式及び風量ごとの台数としたか。</t>
    <rPh sb="7" eb="8">
      <t>オヨ</t>
    </rPh>
    <rPh sb="19" eb="21">
      <t>ケイシキ</t>
    </rPh>
    <rPh sb="21" eb="22">
      <t>オヨ</t>
    </rPh>
    <rPh sb="23" eb="25">
      <t>フウリョウ</t>
    </rPh>
    <rPh sb="28" eb="30">
      <t>ダイスウ</t>
    </rPh>
    <phoneticPr fontId="12"/>
  </si>
  <si>
    <t>チャンバーのガラリ等に接続される面が全面の場合は、ガラリ等の面積を差し引いた表面積としたか。</t>
    <rPh sb="9" eb="10">
      <t>ナド</t>
    </rPh>
    <rPh sb="11" eb="13">
      <t>セツゾク</t>
    </rPh>
    <rPh sb="16" eb="17">
      <t>メン</t>
    </rPh>
    <rPh sb="18" eb="20">
      <t>ゼンメン</t>
    </rPh>
    <rPh sb="21" eb="23">
      <t>バアイ</t>
    </rPh>
    <rPh sb="28" eb="29">
      <t>ナド</t>
    </rPh>
    <rPh sb="30" eb="32">
      <t>メンセキ</t>
    </rPh>
    <rPh sb="33" eb="34">
      <t>サ</t>
    </rPh>
    <rPh sb="35" eb="36">
      <t>ヒ</t>
    </rPh>
    <rPh sb="38" eb="41">
      <t>ヒョウメンセキ</t>
    </rPh>
    <phoneticPr fontId="12"/>
  </si>
  <si>
    <t>ダクトの塗装の有無を確認したか。</t>
    <rPh sb="7" eb="9">
      <t>ウム</t>
    </rPh>
    <rPh sb="10" eb="12">
      <t>カクニン</t>
    </rPh>
    <phoneticPr fontId="12"/>
  </si>
  <si>
    <t>ダクトの塗装の数量は、次の数量としたか。</t>
    <rPh sb="11" eb="12">
      <t>ツギ</t>
    </rPh>
    <rPh sb="13" eb="15">
      <t>スウリョウ</t>
    </rPh>
    <phoneticPr fontId="12"/>
  </si>
  <si>
    <t>配管の塗装の有無を確認したか。</t>
    <rPh sb="6" eb="8">
      <t>ウム</t>
    </rPh>
    <rPh sb="9" eb="11">
      <t>カクニン</t>
    </rPh>
    <phoneticPr fontId="12"/>
  </si>
  <si>
    <t>配管の塗装の数量は、次の数量としたか。</t>
    <rPh sb="0" eb="2">
      <t>ハイカン</t>
    </rPh>
    <rPh sb="10" eb="11">
      <t>ツギ</t>
    </rPh>
    <rPh sb="12" eb="14">
      <t>スウリョウ</t>
    </rPh>
    <phoneticPr fontId="12"/>
  </si>
  <si>
    <t>熱源機器の保温は製造者の見積を参考とするか、または別途に計測するかを確認したか。</t>
    <phoneticPr fontId="12"/>
  </si>
  <si>
    <t>　保温</t>
    <phoneticPr fontId="12"/>
  </si>
  <si>
    <t>還気ダクトの保温を確認したか。</t>
    <rPh sb="1" eb="2">
      <t>キ</t>
    </rPh>
    <rPh sb="9" eb="11">
      <t>カクニン</t>
    </rPh>
    <phoneticPr fontId="5"/>
  </si>
  <si>
    <t>外気ダクトの保温を確認したか。</t>
    <phoneticPr fontId="12"/>
  </si>
  <si>
    <t>２　保温</t>
    <rPh sb="2" eb="4">
      <t>ホオン</t>
    </rPh>
    <phoneticPr fontId="12"/>
  </si>
  <si>
    <t>屋外露出部分の塗装の有無を確認したか。</t>
    <rPh sb="0" eb="2">
      <t>オクガイ</t>
    </rPh>
    <rPh sb="2" eb="4">
      <t>ロシュツ</t>
    </rPh>
    <rPh sb="4" eb="6">
      <t>ブブン</t>
    </rPh>
    <rPh sb="7" eb="9">
      <t>トソウ</t>
    </rPh>
    <rPh sb="10" eb="11">
      <t>ユウ</t>
    </rPh>
    <rPh sb="11" eb="12">
      <t>ム</t>
    </rPh>
    <rPh sb="13" eb="15">
      <t>カクニン</t>
    </rPh>
    <phoneticPr fontId="4"/>
  </si>
  <si>
    <t>自動切り替え調整装置としてのホース、バルブ、ヘッダ、計器類の他に転倒防止金物を含むものとし別計上していないか。</t>
    <rPh sb="0" eb="2">
      <t>ジドウ</t>
    </rPh>
    <rPh sb="2" eb="3">
      <t>キ</t>
    </rPh>
    <rPh sb="4" eb="5">
      <t>カ</t>
    </rPh>
    <rPh sb="6" eb="8">
      <t>チョウセイ</t>
    </rPh>
    <rPh sb="8" eb="10">
      <t>ソウチ</t>
    </rPh>
    <rPh sb="26" eb="29">
      <t>ケイキルイ</t>
    </rPh>
    <rPh sb="30" eb="31">
      <t>ホカ</t>
    </rPh>
    <rPh sb="32" eb="34">
      <t>テントウ</t>
    </rPh>
    <rPh sb="34" eb="36">
      <t>ボウシ</t>
    </rPh>
    <rPh sb="36" eb="38">
      <t>カナモノ</t>
    </rPh>
    <rPh sb="39" eb="40">
      <t>フク</t>
    </rPh>
    <rPh sb="45" eb="46">
      <t>ベツ</t>
    </rPh>
    <rPh sb="46" eb="48">
      <t>ケイジョウ</t>
    </rPh>
    <phoneticPr fontId="13"/>
  </si>
  <si>
    <t>資材搬入通路（廊下、階段室、ホール等）の数量を通路幅を２ｍとした床面積としたか。ただし、対象とした幅が２ｍ未満の場合をその幅としたか。</t>
    <rPh sb="33" eb="35">
      <t>メンセキ</t>
    </rPh>
    <phoneticPr fontId="12"/>
  </si>
  <si>
    <t>対象とした質量は分割搬出の場合、各単体の機器の質量としたか。</t>
    <rPh sb="8" eb="10">
      <t>ブンカツ</t>
    </rPh>
    <rPh sb="10" eb="12">
      <t>ハンシュツ</t>
    </rPh>
    <rPh sb="13" eb="15">
      <t>バアイ</t>
    </rPh>
    <rPh sb="16" eb="17">
      <t>カク</t>
    </rPh>
    <phoneticPr fontId="12"/>
  </si>
  <si>
    <t>数量は、施工上の分類(用途別、管種別、呼び径別、接合方法別、施工箇所別)及び関連材料別に区分したか。</t>
    <phoneticPr fontId="12"/>
  </si>
  <si>
    <t>１８．はつり補修</t>
    <rPh sb="6" eb="8">
      <t>ホシュウ</t>
    </rPh>
    <phoneticPr fontId="12"/>
  </si>
  <si>
    <t>１９．発生材処理</t>
    <rPh sb="3" eb="6">
      <t>ハッセイザイ</t>
    </rPh>
    <rPh sb="6" eb="8">
      <t>ショリ</t>
    </rPh>
    <phoneticPr fontId="12"/>
  </si>
  <si>
    <t>　・改修単価　　(入居者なし)　 建物名：</t>
    <rPh sb="2" eb="4">
      <t>カイシュウ</t>
    </rPh>
    <rPh sb="4" eb="6">
      <t>タンカ</t>
    </rPh>
    <rPh sb="9" eb="12">
      <t>ニュウキョシャ</t>
    </rPh>
    <rPh sb="17" eb="19">
      <t>タテモノ</t>
    </rPh>
    <rPh sb="19" eb="20">
      <t>メイ</t>
    </rPh>
    <phoneticPr fontId="12"/>
  </si>
  <si>
    <t>　・新営単価　　　　　　　　　 建物名：</t>
    <rPh sb="2" eb="4">
      <t>シンエイ</t>
    </rPh>
    <rPh sb="4" eb="6">
      <t>タンカ</t>
    </rPh>
    <rPh sb="16" eb="18">
      <t>タテモノ</t>
    </rPh>
    <rPh sb="18" eb="19">
      <t>メイ</t>
    </rPh>
    <phoneticPr fontId="12"/>
  </si>
  <si>
    <t>ステンレス鋼管の保温を75A以下については１サイズダウンとしたか。</t>
    <rPh sb="5" eb="7">
      <t>コウカン</t>
    </rPh>
    <phoneticPr fontId="12"/>
  </si>
  <si>
    <t>見積りにスリーブが含まれなかった場合、別計上したか。</t>
    <rPh sb="0" eb="2">
      <t>ミツ</t>
    </rPh>
    <rPh sb="9" eb="10">
      <t>フク</t>
    </rPh>
    <rPh sb="16" eb="18">
      <t>バアイ</t>
    </rPh>
    <rPh sb="19" eb="20">
      <t>ベツ</t>
    </rPh>
    <rPh sb="20" eb="22">
      <t>ケイジョウ</t>
    </rPh>
    <phoneticPr fontId="13"/>
  </si>
  <si>
    <t>数量を種類及び仕様等により区分し、計上したか。</t>
    <rPh sb="0" eb="2">
      <t>スウリョウ</t>
    </rPh>
    <rPh sb="17" eb="19">
      <t>ケイジョウ</t>
    </rPh>
    <phoneticPr fontId="12"/>
  </si>
  <si>
    <t>切断・分岐・閉塞を配管、ダクトに区分し、計上したか。</t>
    <rPh sb="3" eb="5">
      <t>ブンキ</t>
    </rPh>
    <rPh sb="20" eb="22">
      <t>ケイジョウ</t>
    </rPh>
    <phoneticPr fontId="12"/>
  </si>
  <si>
    <t>１９．はつり補修</t>
    <rPh sb="6" eb="8">
      <t>ホシュウ</t>
    </rPh>
    <phoneticPr fontId="12"/>
  </si>
  <si>
    <t>２０．発生材処理</t>
    <rPh sb="3" eb="6">
      <t>ハッセイザイ</t>
    </rPh>
    <rPh sb="6" eb="8">
      <t>ショリ</t>
    </rPh>
    <phoneticPr fontId="12"/>
  </si>
  <si>
    <t>　発生材処理</t>
    <rPh sb="1" eb="3">
      <t>ハッセイ</t>
    </rPh>
    <rPh sb="3" eb="4">
      <t>ザイ</t>
    </rPh>
    <rPh sb="4" eb="6">
      <t>ショリ</t>
    </rPh>
    <phoneticPr fontId="12"/>
  </si>
  <si>
    <t>積込、運搬及び処分に区分し、計上したか。</t>
    <rPh sb="0" eb="1">
      <t>ツ</t>
    </rPh>
    <rPh sb="1" eb="2">
      <t>コ</t>
    </rPh>
    <rPh sb="3" eb="5">
      <t>ウンパン</t>
    </rPh>
    <rPh sb="10" eb="12">
      <t>クブン</t>
    </rPh>
    <rPh sb="14" eb="16">
      <t>ケイジョウ</t>
    </rPh>
    <phoneticPr fontId="3"/>
  </si>
  <si>
    <t>階単位又は部屋単位で計測したか。</t>
    <rPh sb="10" eb="12">
      <t>ケイソク</t>
    </rPh>
    <phoneticPr fontId="12"/>
  </si>
  <si>
    <t>数量は、施工上の分類(用途別、管種別、呼び径別、接合方法別、施工箇所別)及び関連材料別に区分したか。</t>
    <rPh sb="0" eb="2">
      <t>スウリョウ</t>
    </rPh>
    <rPh sb="4" eb="7">
      <t>セコウジョウ</t>
    </rPh>
    <rPh sb="8" eb="10">
      <t>ブンルイ</t>
    </rPh>
    <rPh sb="11" eb="13">
      <t>ヨウト</t>
    </rPh>
    <rPh sb="13" eb="14">
      <t>ベツ</t>
    </rPh>
    <rPh sb="15" eb="16">
      <t>カン</t>
    </rPh>
    <rPh sb="16" eb="17">
      <t>シュ</t>
    </rPh>
    <rPh sb="17" eb="18">
      <t>ベツ</t>
    </rPh>
    <rPh sb="19" eb="20">
      <t>ヨ</t>
    </rPh>
    <rPh sb="21" eb="22">
      <t>ケイ</t>
    </rPh>
    <rPh sb="22" eb="23">
      <t>ベツ</t>
    </rPh>
    <rPh sb="24" eb="26">
      <t>セツゴウ</t>
    </rPh>
    <rPh sb="26" eb="28">
      <t>ホウホウ</t>
    </rPh>
    <rPh sb="28" eb="29">
      <t>ベツ</t>
    </rPh>
    <rPh sb="30" eb="32">
      <t>セコウ</t>
    </rPh>
    <rPh sb="32" eb="34">
      <t>カショ</t>
    </rPh>
    <rPh sb="34" eb="35">
      <t>ベツ</t>
    </rPh>
    <rPh sb="36" eb="37">
      <t>オヨ</t>
    </rPh>
    <rPh sb="38" eb="40">
      <t>カンレン</t>
    </rPh>
    <rPh sb="40" eb="42">
      <t>ザイリョウ</t>
    </rPh>
    <rPh sb="42" eb="43">
      <t>ベツ</t>
    </rPh>
    <rPh sb="44" eb="46">
      <t>クブン</t>
    </rPh>
    <phoneticPr fontId="12"/>
  </si>
  <si>
    <t>伸縮継手固定架台を仕様(単式・複式)ごとの組数としたか。</t>
    <rPh sb="0" eb="2">
      <t>シンシュク</t>
    </rPh>
    <rPh sb="2" eb="4">
      <t>ツギテ</t>
    </rPh>
    <rPh sb="4" eb="6">
      <t>コテイ</t>
    </rPh>
    <rPh sb="6" eb="8">
      <t>カダイ</t>
    </rPh>
    <rPh sb="9" eb="11">
      <t>シヨウ</t>
    </rPh>
    <rPh sb="12" eb="14">
      <t>タンシキ</t>
    </rPh>
    <rPh sb="15" eb="17">
      <t>フクシキ</t>
    </rPh>
    <rPh sb="21" eb="23">
      <t>クミスウ</t>
    </rPh>
    <phoneticPr fontId="12"/>
  </si>
  <si>
    <t>　埋設物調査</t>
    <rPh sb="1" eb="4">
      <t>マイセツブツ</t>
    </rPh>
    <rPh sb="4" eb="6">
      <t>チョウサ</t>
    </rPh>
    <phoneticPr fontId="12"/>
  </si>
  <si>
    <t>埋設物調査の有無を確認したか。</t>
    <rPh sb="0" eb="2">
      <t>マイセツ</t>
    </rPh>
    <rPh sb="2" eb="3">
      <t>ブツ</t>
    </rPh>
    <rPh sb="3" eb="5">
      <t>チョウサ</t>
    </rPh>
    <rPh sb="6" eb="8">
      <t>ウム</t>
    </rPh>
    <rPh sb="9" eb="11">
      <t>カクニン</t>
    </rPh>
    <phoneticPr fontId="12"/>
  </si>
  <si>
    <t>揚重機の指定がある場合、揚重機賃料を別計上したか。</t>
    <rPh sb="0" eb="2">
      <t>ヨウジュウ</t>
    </rPh>
    <rPh sb="2" eb="3">
      <t>キ</t>
    </rPh>
    <rPh sb="4" eb="6">
      <t>シテイ</t>
    </rPh>
    <rPh sb="9" eb="11">
      <t>バアイ</t>
    </rPh>
    <rPh sb="12" eb="14">
      <t>ヨウジュウ</t>
    </rPh>
    <rPh sb="14" eb="15">
      <t>キ</t>
    </rPh>
    <rPh sb="15" eb="17">
      <t>チンリョウ</t>
    </rPh>
    <rPh sb="18" eb="19">
      <t>ベツ</t>
    </rPh>
    <rPh sb="19" eb="21">
      <t>ケイジョウ</t>
    </rPh>
    <phoneticPr fontId="12"/>
  </si>
  <si>
    <t>伸縮継手固定架台を仕様(単式・複式)ごとの組数としたか。</t>
    <rPh sb="9" eb="11">
      <t>シヨウ</t>
    </rPh>
    <phoneticPr fontId="12"/>
  </si>
  <si>
    <t>　埋設物調査</t>
    <rPh sb="1" eb="3">
      <t>マイセツ</t>
    </rPh>
    <rPh sb="3" eb="4">
      <t>ブツ</t>
    </rPh>
    <rPh sb="4" eb="6">
      <t>チョウサ</t>
    </rPh>
    <phoneticPr fontId="12"/>
  </si>
  <si>
    <t>埋設物調査が有る場合は、調査費を計上したか。</t>
    <rPh sb="0" eb="2">
      <t>マイセツ</t>
    </rPh>
    <rPh sb="2" eb="3">
      <t>ブツ</t>
    </rPh>
    <rPh sb="3" eb="5">
      <t>チョウサ</t>
    </rPh>
    <rPh sb="6" eb="7">
      <t>ア</t>
    </rPh>
    <rPh sb="8" eb="10">
      <t>バアイ</t>
    </rPh>
    <rPh sb="12" eb="14">
      <t>チョウサ</t>
    </rPh>
    <rPh sb="14" eb="15">
      <t>ヒ</t>
    </rPh>
    <rPh sb="16" eb="18">
      <t>ケイジョウ</t>
    </rPh>
    <phoneticPr fontId="12"/>
  </si>
  <si>
    <t>埋戻し土の処理方法を確認したか。</t>
    <rPh sb="5" eb="7">
      <t>ショリ</t>
    </rPh>
    <rPh sb="7" eb="9">
      <t>ホウホウ</t>
    </rPh>
    <rPh sb="10" eb="12">
      <t>カクニン</t>
    </rPh>
    <phoneticPr fontId="12"/>
  </si>
  <si>
    <t>　　　　開閉弁</t>
    <phoneticPr fontId="12"/>
  </si>
  <si>
    <t>　工事費内訳書の数量</t>
    <rPh sb="1" eb="3">
      <t>コウジ</t>
    </rPh>
    <rPh sb="3" eb="4">
      <t>ヒ</t>
    </rPh>
    <rPh sb="4" eb="7">
      <t>ウチワケショ</t>
    </rPh>
    <rPh sb="8" eb="10">
      <t>スウリョウ</t>
    </rPh>
    <phoneticPr fontId="12"/>
  </si>
  <si>
    <t>　・無し</t>
    <rPh sb="2" eb="3">
      <t>ナ</t>
    </rPh>
    <phoneticPr fontId="12"/>
  </si>
  <si>
    <t>足場を確認したか。</t>
    <rPh sb="0" eb="1">
      <t>アシ</t>
    </rPh>
    <rPh sb="1" eb="2">
      <t>バ</t>
    </rPh>
    <rPh sb="3" eb="5">
      <t>カクニン</t>
    </rPh>
    <phoneticPr fontId="12"/>
  </si>
  <si>
    <t>　・有り</t>
    <rPh sb="2" eb="3">
      <t>ア</t>
    </rPh>
    <phoneticPr fontId="12"/>
  </si>
  <si>
    <t>　・手はつり　 ( ・ 配管　 ・ スパイラルダクト　 ・長方形ダクト )</t>
    <rPh sb="2" eb="3">
      <t>テ</t>
    </rPh>
    <rPh sb="12" eb="14">
      <t>ハイカン</t>
    </rPh>
    <rPh sb="29" eb="32">
      <t>チョウホウケイ</t>
    </rPh>
    <phoneticPr fontId="12"/>
  </si>
  <si>
    <t>　・ダイヤモンドカッター　 ( ・ 配管　 ・ スパイラルダクト )</t>
    <rPh sb="18" eb="20">
      <t>ハイカン</t>
    </rPh>
    <phoneticPr fontId="12"/>
  </si>
  <si>
    <t>　・無し（別途工事を含む。）</t>
    <rPh sb="2" eb="3">
      <t>ナ</t>
    </rPh>
    <phoneticPr fontId="12"/>
  </si>
  <si>
    <t>　・無し（別途工事を含む。）</t>
    <rPh sb="5" eb="7">
      <t>ベット</t>
    </rPh>
    <rPh sb="7" eb="9">
      <t>コウジ</t>
    </rPh>
    <rPh sb="10" eb="11">
      <t>フク</t>
    </rPh>
    <phoneticPr fontId="12"/>
  </si>
  <si>
    <t>　・有り　　揚重機種別：</t>
    <rPh sb="2" eb="3">
      <t>ア</t>
    </rPh>
    <rPh sb="6" eb="8">
      <t>ヨウジュウ</t>
    </rPh>
    <rPh sb="8" eb="9">
      <t>キ</t>
    </rPh>
    <rPh sb="9" eb="11">
      <t>シュベツ</t>
    </rPh>
    <phoneticPr fontId="12"/>
  </si>
  <si>
    <t>　・有り　 ( ・ 工場塗装　 ・ 現場塗装　)</t>
    <rPh sb="2" eb="3">
      <t>ア</t>
    </rPh>
    <rPh sb="10" eb="12">
      <t>コウジョウ</t>
    </rPh>
    <rPh sb="12" eb="14">
      <t>トソウ</t>
    </rPh>
    <rPh sb="18" eb="20">
      <t>ゲンバ</t>
    </rPh>
    <rPh sb="20" eb="22">
      <t>トソウ</t>
    </rPh>
    <phoneticPr fontId="12"/>
  </si>
  <si>
    <t>　定風量ユニット、
　変風量ユニット</t>
    <rPh sb="1" eb="2">
      <t>サダム</t>
    </rPh>
    <rPh sb="2" eb="4">
      <t>フウリョウ</t>
    </rPh>
    <rPh sb="11" eb="12">
      <t>ヘン</t>
    </rPh>
    <rPh sb="12" eb="14">
      <t>フウリョウ</t>
    </rPh>
    <phoneticPr fontId="12"/>
  </si>
  <si>
    <t>　・有り　　塗装箇所又は室名：</t>
    <rPh sb="2" eb="3">
      <t>ア</t>
    </rPh>
    <rPh sb="6" eb="8">
      <t>トソウ</t>
    </rPh>
    <rPh sb="8" eb="10">
      <t>カショ</t>
    </rPh>
    <rPh sb="10" eb="11">
      <t>マタ</t>
    </rPh>
    <rPh sb="12" eb="13">
      <t>シツ</t>
    </rPh>
    <rPh sb="13" eb="14">
      <t>メイ</t>
    </rPh>
    <phoneticPr fontId="12"/>
  </si>
  <si>
    <t>　・有り　塗装箇所又は室名：</t>
    <rPh sb="2" eb="3">
      <t>ア</t>
    </rPh>
    <rPh sb="5" eb="7">
      <t>トソウ</t>
    </rPh>
    <rPh sb="7" eb="9">
      <t>カショ</t>
    </rPh>
    <rPh sb="9" eb="10">
      <t>マタ</t>
    </rPh>
    <phoneticPr fontId="12"/>
  </si>
  <si>
    <t>　埋戻し土・盛土</t>
    <phoneticPr fontId="12"/>
  </si>
  <si>
    <t>　・根切り土の中の良質土</t>
    <phoneticPr fontId="12"/>
  </si>
  <si>
    <t>　　 ただし○ｺﾝｸﾘｰﾄ管　○樹脂管　○　　　管以外の周囲は山砂の類</t>
    <rPh sb="13" eb="14">
      <t>カン</t>
    </rPh>
    <rPh sb="16" eb="18">
      <t>ジュシ</t>
    </rPh>
    <rPh sb="18" eb="19">
      <t>カン</t>
    </rPh>
    <rPh sb="24" eb="25">
      <t>カン</t>
    </rPh>
    <rPh sb="25" eb="27">
      <t>イガイ</t>
    </rPh>
    <rPh sb="28" eb="30">
      <t>シュウイ</t>
    </rPh>
    <rPh sb="31" eb="32">
      <t>ヤマ</t>
    </rPh>
    <rPh sb="32" eb="33">
      <t>スナ</t>
    </rPh>
    <rPh sb="34" eb="35">
      <t>ルイ</t>
    </rPh>
    <phoneticPr fontId="12"/>
  </si>
  <si>
    <t>　・山砂の類</t>
    <phoneticPr fontId="12"/>
  </si>
  <si>
    <t>　埋戻し</t>
    <phoneticPr fontId="12"/>
  </si>
  <si>
    <t>　建設発生土</t>
    <phoneticPr fontId="12"/>
  </si>
  <si>
    <t>　・処理方法：構内敷ならし</t>
    <rPh sb="2" eb="4">
      <t>ショリ</t>
    </rPh>
    <rPh sb="4" eb="6">
      <t>ホウホウ</t>
    </rPh>
    <phoneticPr fontId="12"/>
  </si>
  <si>
    <t>　・処理方法：構内指定場所へのたい積</t>
    <rPh sb="2" eb="4">
      <t>ショリ</t>
    </rPh>
    <rPh sb="4" eb="6">
      <t>ホウホウ</t>
    </rPh>
    <phoneticPr fontId="12"/>
  </si>
  <si>
    <t>　・処理方法：場外搬出</t>
    <rPh sb="2" eb="4">
      <t>ショリ</t>
    </rPh>
    <rPh sb="4" eb="6">
      <t>ホウホウ</t>
    </rPh>
    <rPh sb="7" eb="9">
      <t>ジョウガイ</t>
    </rPh>
    <rPh sb="9" eb="11">
      <t>ハンシュツ</t>
    </rPh>
    <phoneticPr fontId="12"/>
  </si>
  <si>
    <t>　文字標識等</t>
    <rPh sb="1" eb="3">
      <t>モジ</t>
    </rPh>
    <rPh sb="3" eb="5">
      <t>ヒョウシキ</t>
    </rPh>
    <rPh sb="5" eb="6">
      <t>ナド</t>
    </rPh>
    <phoneticPr fontId="12"/>
  </si>
  <si>
    <t>　・有り　　保温の仕様：</t>
    <rPh sb="2" eb="3">
      <t>ア</t>
    </rPh>
    <rPh sb="6" eb="8">
      <t>ホオン</t>
    </rPh>
    <rPh sb="9" eb="11">
      <t>シヨウ</t>
    </rPh>
    <phoneticPr fontId="12"/>
  </si>
  <si>
    <t>　・無し(別途工事を含む。)</t>
    <rPh sb="2" eb="3">
      <t>ナ</t>
    </rPh>
    <rPh sb="5" eb="7">
      <t>ベット</t>
    </rPh>
    <rPh sb="7" eb="9">
      <t>コウジ</t>
    </rPh>
    <rPh sb="10" eb="11">
      <t>フク</t>
    </rPh>
    <phoneticPr fontId="12"/>
  </si>
  <si>
    <t>　基準類等</t>
    <rPh sb="1" eb="3">
      <t>キジュン</t>
    </rPh>
    <rPh sb="3" eb="4">
      <t>ルイ</t>
    </rPh>
    <rPh sb="4" eb="5">
      <t>ナド</t>
    </rPh>
    <phoneticPr fontId="12"/>
  </si>
  <si>
    <t>適用となる設計図書と基準類（適用年度）について確認したか。</t>
    <rPh sb="0" eb="2">
      <t>テキヨウ</t>
    </rPh>
    <rPh sb="5" eb="7">
      <t>セッケイ</t>
    </rPh>
    <rPh sb="7" eb="9">
      <t>トショ</t>
    </rPh>
    <rPh sb="10" eb="12">
      <t>キジュン</t>
    </rPh>
    <rPh sb="12" eb="13">
      <t>ルイ</t>
    </rPh>
    <rPh sb="14" eb="16">
      <t>テキヨウ</t>
    </rPh>
    <rPh sb="16" eb="18">
      <t>ネンド</t>
    </rPh>
    <rPh sb="23" eb="25">
      <t>カクニン</t>
    </rPh>
    <phoneticPr fontId="12"/>
  </si>
  <si>
    <t>数量は、原則として設計数量とする。ただし、計画数量を求める場合は、公共建築設備数量積算基準に示す方法としたか。</t>
    <rPh sb="4" eb="6">
      <t>ゲンソク</t>
    </rPh>
    <rPh sb="26" eb="27">
      <t>モト</t>
    </rPh>
    <rPh sb="33" eb="35">
      <t>コウキョウ</t>
    </rPh>
    <rPh sb="35" eb="37">
      <t>ケンチク</t>
    </rPh>
    <rPh sb="37" eb="39">
      <t>セツビ</t>
    </rPh>
    <rPh sb="39" eb="41">
      <t>スウリョウ</t>
    </rPh>
    <phoneticPr fontId="12"/>
  </si>
  <si>
    <t>設計寸法は、設計図書に記載された寸法、記載された寸法から計算によって得られる寸法及び計測により読み取ることのできる寸法としたか。</t>
    <rPh sb="11" eb="13">
      <t>キサイ</t>
    </rPh>
    <rPh sb="19" eb="21">
      <t>キサイ</t>
    </rPh>
    <rPh sb="42" eb="44">
      <t>ケイソク</t>
    </rPh>
    <phoneticPr fontId="12"/>
  </si>
  <si>
    <r>
      <t>長さ、面積、体積及び質量の単位は、原則としてｍ、㎡、ｍ</t>
    </r>
    <r>
      <rPr>
        <vertAlign val="superscript"/>
        <sz val="8"/>
        <rFont val="ＭＳ 明朝"/>
        <family val="1"/>
        <charset val="128"/>
      </rPr>
      <t>3</t>
    </r>
    <r>
      <rPr>
        <sz val="8"/>
        <rFont val="ＭＳ 明朝"/>
        <family val="1"/>
        <charset val="128"/>
      </rPr>
      <t>、㎏及びｔとし、機器の単位は、基、面、台、個、組等としたか。また、少量の改修が点在する場合の数量は、か所等の適切な単位としたか。</t>
    </r>
    <rPh sb="0" eb="1">
      <t>ナガ</t>
    </rPh>
    <rPh sb="3" eb="5">
      <t>メンセキ</t>
    </rPh>
    <rPh sb="6" eb="8">
      <t>タイセキ</t>
    </rPh>
    <rPh sb="8" eb="9">
      <t>オヨ</t>
    </rPh>
    <rPh sb="10" eb="12">
      <t>シツリョウ</t>
    </rPh>
    <rPh sb="36" eb="38">
      <t>キキ</t>
    </rPh>
    <rPh sb="39" eb="41">
      <t>タンイ</t>
    </rPh>
    <rPh sb="43" eb="44">
      <t>モト</t>
    </rPh>
    <rPh sb="45" eb="46">
      <t>メン</t>
    </rPh>
    <rPh sb="47" eb="48">
      <t>ダイ</t>
    </rPh>
    <rPh sb="49" eb="50">
      <t>コ</t>
    </rPh>
    <rPh sb="51" eb="52">
      <t>クミ</t>
    </rPh>
    <rPh sb="52" eb="53">
      <t>ナド</t>
    </rPh>
    <rPh sb="82" eb="84">
      <t>テキセツ</t>
    </rPh>
    <phoneticPr fontId="12"/>
  </si>
  <si>
    <t>　端数処理</t>
    <rPh sb="1" eb="3">
      <t>ハスウ</t>
    </rPh>
    <rPh sb="3" eb="5">
      <t>ショリ</t>
    </rPh>
    <phoneticPr fontId="12"/>
  </si>
  <si>
    <t>３．適用の設計図書の確認</t>
    <rPh sb="2" eb="4">
      <t>テキヨウ</t>
    </rPh>
    <rPh sb="5" eb="7">
      <t>セッケイ</t>
    </rPh>
    <rPh sb="7" eb="9">
      <t>トショ</t>
    </rPh>
    <rPh sb="10" eb="12">
      <t>カクニン</t>
    </rPh>
    <phoneticPr fontId="12"/>
  </si>
  <si>
    <t>　工事科目</t>
    <rPh sb="3" eb="5">
      <t>カモク</t>
    </rPh>
    <phoneticPr fontId="12"/>
  </si>
  <si>
    <t>予算の区分による拾い分けが必要か発注者に確認したか。</t>
    <rPh sb="0" eb="2">
      <t>ヨサン</t>
    </rPh>
    <rPh sb="3" eb="5">
      <t>クブン</t>
    </rPh>
    <rPh sb="8" eb="9">
      <t>ヒロ</t>
    </rPh>
    <rPh sb="10" eb="11">
      <t>ワ</t>
    </rPh>
    <rPh sb="13" eb="15">
      <t>ヒツヨウ</t>
    </rPh>
    <rPh sb="16" eb="19">
      <t>ハッチュウシャ</t>
    </rPh>
    <rPh sb="20" eb="22">
      <t>カクニン</t>
    </rPh>
    <phoneticPr fontId="12"/>
  </si>
  <si>
    <t>本工事において(発注しない)別途工事部分があるか確認したか。</t>
    <rPh sb="0" eb="3">
      <t>ホンコウジ</t>
    </rPh>
    <rPh sb="8" eb="10">
      <t>ハッチュウ</t>
    </rPh>
    <rPh sb="14" eb="16">
      <t>ベット</t>
    </rPh>
    <rPh sb="16" eb="18">
      <t>コウジ</t>
    </rPh>
    <rPh sb="18" eb="20">
      <t>ブブン</t>
    </rPh>
    <rPh sb="24" eb="26">
      <t>カクニン</t>
    </rPh>
    <phoneticPr fontId="12"/>
  </si>
  <si>
    <t>　・別契約の関係受注者が定置したものは無償で使用できる。</t>
    <rPh sb="2" eb="3">
      <t>ベツ</t>
    </rPh>
    <rPh sb="3" eb="5">
      <t>ケイヤク</t>
    </rPh>
    <rPh sb="6" eb="8">
      <t>カンケイ</t>
    </rPh>
    <rPh sb="8" eb="10">
      <t>ジュチュウ</t>
    </rPh>
    <rPh sb="10" eb="11">
      <t>シャ</t>
    </rPh>
    <rPh sb="12" eb="14">
      <t>テイチ</t>
    </rPh>
    <rPh sb="19" eb="21">
      <t>ムショウ</t>
    </rPh>
    <rPh sb="22" eb="24">
      <t>シヨウ</t>
    </rPh>
    <phoneticPr fontId="1"/>
  </si>
  <si>
    <t>　養生</t>
    <rPh sb="1" eb="3">
      <t>ヨウジョウ</t>
    </rPh>
    <phoneticPr fontId="12"/>
  </si>
  <si>
    <t>はつり補修の有無及び工法について確認したか。</t>
    <rPh sb="3" eb="5">
      <t>ホシュウ</t>
    </rPh>
    <rPh sb="6" eb="8">
      <t>ウム</t>
    </rPh>
    <rPh sb="8" eb="9">
      <t>オヨ</t>
    </rPh>
    <rPh sb="10" eb="12">
      <t>コウホウ</t>
    </rPh>
    <rPh sb="16" eb="18">
      <t>カクニン</t>
    </rPh>
    <phoneticPr fontId="12"/>
  </si>
  <si>
    <t>　発生材処理</t>
    <rPh sb="1" eb="4">
      <t>ハッセイザイ</t>
    </rPh>
    <rPh sb="4" eb="6">
      <t>ショリ</t>
    </rPh>
    <phoneticPr fontId="12"/>
  </si>
  <si>
    <t>Ⅱ．工事費の積算</t>
    <rPh sb="2" eb="4">
      <t>コウジ</t>
    </rPh>
    <rPh sb="4" eb="5">
      <t>ヒ</t>
    </rPh>
    <rPh sb="6" eb="8">
      <t>セキサン</t>
    </rPh>
    <phoneticPr fontId="12"/>
  </si>
  <si>
    <t>１．一般共通事項</t>
    <rPh sb="2" eb="4">
      <t>イッパン</t>
    </rPh>
    <rPh sb="4" eb="6">
      <t>キョウツウ</t>
    </rPh>
    <rPh sb="6" eb="8">
      <t>ジコウ</t>
    </rPh>
    <phoneticPr fontId="12"/>
  </si>
  <si>
    <t>機器類の数量を機器の形式ごとの台数又は組数としたか。</t>
    <phoneticPr fontId="12"/>
  </si>
  <si>
    <t>３　機器用基礎</t>
    <rPh sb="2" eb="5">
      <t>キキヨウ</t>
    </rPh>
    <rPh sb="5" eb="7">
      <t>キソ</t>
    </rPh>
    <phoneticPr fontId="12"/>
  </si>
  <si>
    <t>躯体の上に無筋コンクリートがある場合の基礎の高さは、無筋コンクリートの厚さを加えたものとしたか。</t>
    <rPh sb="0" eb="2">
      <t>クタイ</t>
    </rPh>
    <rPh sb="3" eb="4">
      <t>ウエ</t>
    </rPh>
    <phoneticPr fontId="12"/>
  </si>
  <si>
    <t>型枠の数量は、コンクリート側面の面積としたか。</t>
    <phoneticPr fontId="12"/>
  </si>
  <si>
    <t>鉄筋の数量は、コンクリートの設計寸法に基づく長さに、単位質量を乗じた質量としたか。</t>
    <phoneticPr fontId="12"/>
  </si>
  <si>
    <t>モルタルの数量は、モルタル塗りを行うコンクリート面の面積としたか。</t>
    <phoneticPr fontId="12"/>
  </si>
  <si>
    <t>機器、タンク類及び煙道の保温の数量は、表面積としたか。</t>
    <rPh sb="7" eb="8">
      <t>オヨ</t>
    </rPh>
    <rPh sb="9" eb="11">
      <t>エンドウ</t>
    </rPh>
    <phoneticPr fontId="12"/>
  </si>
  <si>
    <t>機器及びタンク類の塗装の数量は、表面積としたか。</t>
    <phoneticPr fontId="12"/>
  </si>
  <si>
    <t>支持金物及び架台類の塗装の数量は表面積、亜鉛めっきは質量としたか。</t>
    <rPh sb="2" eb="3">
      <t>カナ</t>
    </rPh>
    <rPh sb="3" eb="4">
      <t>モノ</t>
    </rPh>
    <rPh sb="4" eb="5">
      <t>オヨ</t>
    </rPh>
    <rPh sb="6" eb="8">
      <t>カダイ</t>
    </rPh>
    <rPh sb="8" eb="9">
      <t>ルイ</t>
    </rPh>
    <rPh sb="20" eb="22">
      <t>アエン</t>
    </rPh>
    <rPh sb="26" eb="27">
      <t>シツ</t>
    </rPh>
    <rPh sb="27" eb="28">
      <t>リョウ</t>
    </rPh>
    <phoneticPr fontId="12"/>
  </si>
  <si>
    <t>系統ごとに計測したか。（ＳＡ、ＲＡ、ＯＡ、ＥＡ、各階、空調機ごとなど）</t>
    <rPh sb="24" eb="26">
      <t>カクカイ</t>
    </rPh>
    <rPh sb="27" eb="30">
      <t>クウチョウキ</t>
    </rPh>
    <phoneticPr fontId="12"/>
  </si>
  <si>
    <t>ダクトの種別を確認したか。　　　　（ ・低圧ダクト　・高圧ダクト ）</t>
    <rPh sb="4" eb="6">
      <t>シュベツ</t>
    </rPh>
    <rPh sb="7" eb="9">
      <t>カクニン</t>
    </rPh>
    <rPh sb="20" eb="22">
      <t>テイアツ</t>
    </rPh>
    <rPh sb="27" eb="29">
      <t>コウアツ</t>
    </rPh>
    <phoneticPr fontId="12"/>
  </si>
  <si>
    <t>スパイラルダクトの数量を口径ごとの長さとしたか。</t>
    <phoneticPr fontId="12"/>
  </si>
  <si>
    <t>フレキシブルダクトの数量を材質、口径及び長さごとの本数としたか。</t>
    <phoneticPr fontId="12"/>
  </si>
  <si>
    <t>チャンバーのガラリ等に接続される面が全面の場合は、ガラリ等の面積を差し引いた表面積としたか。</t>
    <rPh sb="16" eb="17">
      <t>メン</t>
    </rPh>
    <rPh sb="18" eb="20">
      <t>ゼンメン</t>
    </rPh>
    <phoneticPr fontId="12"/>
  </si>
  <si>
    <t>点検口は図示を確認して寸法ごとの数量としたか。</t>
    <rPh sb="0" eb="2">
      <t>テンケン</t>
    </rPh>
    <rPh sb="2" eb="3">
      <t>コウ</t>
    </rPh>
    <rPh sb="4" eb="6">
      <t>ズシ</t>
    </rPh>
    <rPh sb="7" eb="9">
      <t>カクニン</t>
    </rPh>
    <rPh sb="11" eb="13">
      <t>スンポウ</t>
    </rPh>
    <rPh sb="16" eb="18">
      <t>スウリョウ</t>
    </rPh>
    <phoneticPr fontId="12"/>
  </si>
  <si>
    <t>数量をその材質、形状及び寸法ごとの個数としたか。</t>
    <rPh sb="12" eb="14">
      <t>スンポウ</t>
    </rPh>
    <phoneticPr fontId="12"/>
  </si>
  <si>
    <t>送風機に接続した、たわみ継手の数量を送風機ごとの組数としたか。</t>
    <phoneticPr fontId="12"/>
  </si>
  <si>
    <t>たわみ継手の数量を接続するダクト又は機器の周長としたか。</t>
    <phoneticPr fontId="12"/>
  </si>
  <si>
    <t>ダンパーの数量を種類、寸法及び形状ごとの個数としたか。</t>
    <phoneticPr fontId="12"/>
  </si>
  <si>
    <t>防煙ダンパーの復帰方式を確認したか。　　　　（ ・遠隔復帰式　・手動式 ）</t>
    <rPh sb="12" eb="14">
      <t>カクニン</t>
    </rPh>
    <rPh sb="25" eb="27">
      <t>エンカク</t>
    </rPh>
    <rPh sb="27" eb="29">
      <t>フッキ</t>
    </rPh>
    <rPh sb="29" eb="30">
      <t>シキ</t>
    </rPh>
    <rPh sb="32" eb="35">
      <t>シュドウシキ</t>
    </rPh>
    <phoneticPr fontId="12"/>
  </si>
  <si>
    <t>ピストンダンパーの復帰方式を確認したか。　　（ ・遠隔復帰式　・手動式 ）</t>
    <rPh sb="9" eb="11">
      <t>フッキ</t>
    </rPh>
    <rPh sb="11" eb="13">
      <t>ホウシキ</t>
    </rPh>
    <rPh sb="14" eb="16">
      <t>カクニン</t>
    </rPh>
    <phoneticPr fontId="12"/>
  </si>
  <si>
    <t>ベントキャップ及びウェザーカバーの数量を材質、形状、口径又は寸法ごとの個数としたか。</t>
    <rPh sb="26" eb="28">
      <t>コウケイ</t>
    </rPh>
    <rPh sb="28" eb="29">
      <t>マタ</t>
    </rPh>
    <rPh sb="30" eb="32">
      <t>スンポウ</t>
    </rPh>
    <phoneticPr fontId="12"/>
  </si>
  <si>
    <t>ダクト用の鋼製支持架台の数量を鋼材の形状、寸法、厚さごとの質量又は同一の支持架台ごとの個数としたか。</t>
    <rPh sb="3" eb="4">
      <t>ヨウ</t>
    </rPh>
    <rPh sb="5" eb="7">
      <t>コウセイ</t>
    </rPh>
    <rPh sb="7" eb="9">
      <t>シジ</t>
    </rPh>
    <rPh sb="9" eb="11">
      <t>カダイ</t>
    </rPh>
    <rPh sb="31" eb="32">
      <t>マタ</t>
    </rPh>
    <rPh sb="33" eb="35">
      <t>ドウイツ</t>
    </rPh>
    <rPh sb="36" eb="38">
      <t>シジ</t>
    </rPh>
    <rPh sb="38" eb="40">
      <t>カダイ</t>
    </rPh>
    <rPh sb="43" eb="45">
      <t>コスウ</t>
    </rPh>
    <phoneticPr fontId="12"/>
  </si>
  <si>
    <t>数量を測定口の材質及び形式ごとの個数としたか。</t>
    <phoneticPr fontId="12"/>
  </si>
  <si>
    <t>数量を形式ごとの個数としたか。</t>
    <phoneticPr fontId="12"/>
  </si>
  <si>
    <t>消音エルボの消音内貼りの数量は表面積としたか。</t>
    <rPh sb="6" eb="8">
      <t>ショウオン</t>
    </rPh>
    <rPh sb="8" eb="10">
      <t>ウチバ</t>
    </rPh>
    <phoneticPr fontId="12"/>
  </si>
  <si>
    <t>ダクトの塗装の数量はダクトの表面積としたか。</t>
    <phoneticPr fontId="12"/>
  </si>
  <si>
    <t>支持金物及び架台類の塗装の数量は表面積、亜鉛めっきは質量としたか。</t>
    <rPh sb="2" eb="4">
      <t>カナモノ</t>
    </rPh>
    <rPh sb="4" eb="5">
      <t>オヨ</t>
    </rPh>
    <rPh sb="6" eb="8">
      <t>カダイ</t>
    </rPh>
    <rPh sb="8" eb="9">
      <t>ルイ</t>
    </rPh>
    <rPh sb="20" eb="22">
      <t>アエン</t>
    </rPh>
    <rPh sb="26" eb="27">
      <t>シツ</t>
    </rPh>
    <rPh sb="27" eb="28">
      <t>リョウ</t>
    </rPh>
    <phoneticPr fontId="12"/>
  </si>
  <si>
    <t>弁類の耐圧を確認したか。　（ ・JIS又はJV５k　・図示 ）</t>
    <rPh sb="0" eb="2">
      <t>ベンルイ</t>
    </rPh>
    <rPh sb="3" eb="5">
      <t>タイアツ</t>
    </rPh>
    <rPh sb="6" eb="8">
      <t>カクニン</t>
    </rPh>
    <rPh sb="19" eb="20">
      <t>マタ</t>
    </rPh>
    <rPh sb="27" eb="29">
      <t>ズシ</t>
    </rPh>
    <phoneticPr fontId="12"/>
  </si>
  <si>
    <t>弁類の材質を確認したか。　（ ・青銅製　・ｽﾃﾝﾚｽ製 　・　　　　）</t>
    <rPh sb="3" eb="5">
      <t>ザイシツ</t>
    </rPh>
    <rPh sb="16" eb="19">
      <t>セイドウセイ</t>
    </rPh>
    <phoneticPr fontId="12"/>
  </si>
  <si>
    <t>数量を形式、規格及び呼び径ごとの個数としたか。</t>
    <phoneticPr fontId="12"/>
  </si>
  <si>
    <t>数量を種別及び呼び径ごとの組数としたか。</t>
    <rPh sb="0" eb="2">
      <t>スウリョウ</t>
    </rPh>
    <rPh sb="3" eb="5">
      <t>シュベツ</t>
    </rPh>
    <rPh sb="5" eb="6">
      <t>オヨ</t>
    </rPh>
    <rPh sb="7" eb="8">
      <t>ヨ</t>
    </rPh>
    <rPh sb="9" eb="10">
      <t>ケイ</t>
    </rPh>
    <rPh sb="13" eb="15">
      <t>クミスウ</t>
    </rPh>
    <phoneticPr fontId="12"/>
  </si>
  <si>
    <t>屋内露出の保温を行う弁類の保温外装をカラー亜鉛鉄板としたか。</t>
    <rPh sb="0" eb="2">
      <t>オクナイ</t>
    </rPh>
    <rPh sb="2" eb="4">
      <t>ロシュツ</t>
    </rPh>
    <rPh sb="5" eb="7">
      <t>ホオン</t>
    </rPh>
    <rPh sb="8" eb="9">
      <t>オコナ</t>
    </rPh>
    <rPh sb="10" eb="12">
      <t>ベンルイ</t>
    </rPh>
    <rPh sb="13" eb="15">
      <t>ホオン</t>
    </rPh>
    <rPh sb="15" eb="17">
      <t>ガイソウ</t>
    </rPh>
    <rPh sb="21" eb="23">
      <t>アエン</t>
    </rPh>
    <rPh sb="23" eb="25">
      <t>テッパン</t>
    </rPh>
    <phoneticPr fontId="12"/>
  </si>
  <si>
    <t>配管用の鋼製支持架台の数量を鋼材の形状、寸法、厚さごとの質量又は同一の支持架台ごとの個数としたか。</t>
    <rPh sb="0" eb="2">
      <t>ハイカン</t>
    </rPh>
    <rPh sb="2" eb="3">
      <t>ヨウ</t>
    </rPh>
    <rPh sb="4" eb="6">
      <t>コウセイ</t>
    </rPh>
    <rPh sb="6" eb="8">
      <t>シジ</t>
    </rPh>
    <rPh sb="8" eb="10">
      <t>カダイ</t>
    </rPh>
    <rPh sb="30" eb="31">
      <t>マタ</t>
    </rPh>
    <rPh sb="32" eb="34">
      <t>ドウイツ</t>
    </rPh>
    <rPh sb="35" eb="37">
      <t>シジ</t>
    </rPh>
    <rPh sb="37" eb="39">
      <t>カダイ</t>
    </rPh>
    <rPh sb="42" eb="44">
      <t>コスウ</t>
    </rPh>
    <phoneticPr fontId="12"/>
  </si>
  <si>
    <t>数量を形式、規格及び口径ごとの個数としたか。</t>
    <rPh sb="10" eb="12">
      <t>コウケイ</t>
    </rPh>
    <phoneticPr fontId="12"/>
  </si>
  <si>
    <t>配管の塗装及び防錆の数量は配管の長さとしたか。</t>
    <phoneticPr fontId="12"/>
  </si>
  <si>
    <t>支持金物及び架台類の塗装の数量は表面積、亜鉛めっきは質量としたか。</t>
    <rPh sb="2" eb="4">
      <t>カナモノ</t>
    </rPh>
    <rPh sb="4" eb="5">
      <t>オヨ</t>
    </rPh>
    <rPh sb="6" eb="8">
      <t>カダイ</t>
    </rPh>
    <rPh sb="8" eb="9">
      <t>ルイ</t>
    </rPh>
    <rPh sb="20" eb="22">
      <t>アエン</t>
    </rPh>
    <rPh sb="26" eb="28">
      <t>シツリョウ</t>
    </rPh>
    <phoneticPr fontId="12"/>
  </si>
  <si>
    <t>　・要（範囲：　　　　　、仕様：　　　　　）　・不要</t>
    <rPh sb="24" eb="26">
      <t>フヨウ</t>
    </rPh>
    <phoneticPr fontId="12"/>
  </si>
  <si>
    <t>冷水・冷温水配管の合成樹脂製支持受の数量を形状、規格及び呼び径ごとの個数としたか。</t>
    <rPh sb="16" eb="17">
      <t>ウ</t>
    </rPh>
    <phoneticPr fontId="12"/>
  </si>
  <si>
    <t>図面特記がある場合、冷媒管の防火区画貫通処理(建築基準法に適合した工法)を計上したか。</t>
    <rPh sb="0" eb="2">
      <t>ズメン</t>
    </rPh>
    <rPh sb="2" eb="4">
      <t>トッキ</t>
    </rPh>
    <rPh sb="7" eb="9">
      <t>バアイ</t>
    </rPh>
    <rPh sb="20" eb="22">
      <t>ショリ</t>
    </rPh>
    <rPh sb="23" eb="25">
      <t>ケンチク</t>
    </rPh>
    <rPh sb="25" eb="28">
      <t>キジュンホウ</t>
    </rPh>
    <rPh sb="29" eb="31">
      <t>テキゴウ</t>
    </rPh>
    <rPh sb="33" eb="35">
      <t>コウホウ</t>
    </rPh>
    <rPh sb="37" eb="39">
      <t>ケイジョウ</t>
    </rPh>
    <phoneticPr fontId="12"/>
  </si>
  <si>
    <t>数量を形式、規格及び口径ごとの個数としたか。</t>
    <rPh sb="10" eb="11">
      <t>クチ</t>
    </rPh>
    <phoneticPr fontId="12"/>
  </si>
  <si>
    <t>総合調整に必要な電力、水､ガス､油等を計測の対象としていないか。また、設計図書に記載がある場合は必要な数量としたか。</t>
    <rPh sb="35" eb="37">
      <t>セッケイ</t>
    </rPh>
    <rPh sb="37" eb="39">
      <t>トショ</t>
    </rPh>
    <rPh sb="40" eb="42">
      <t>キサイ</t>
    </rPh>
    <phoneticPr fontId="12"/>
  </si>
  <si>
    <t>厨房排気系統のダクトの材質・板厚・シールの有無を確認したか。</t>
    <rPh sb="0" eb="2">
      <t>チュウボウ</t>
    </rPh>
    <rPh sb="2" eb="4">
      <t>ハイキ</t>
    </rPh>
    <rPh sb="4" eb="6">
      <t>ケイトウ</t>
    </rPh>
    <rPh sb="11" eb="13">
      <t>ザイシツ</t>
    </rPh>
    <rPh sb="14" eb="16">
      <t>イタアツ</t>
    </rPh>
    <rPh sb="21" eb="22">
      <t>ユウ</t>
    </rPh>
    <rPh sb="22" eb="23">
      <t>ム</t>
    </rPh>
    <rPh sb="24" eb="26">
      <t>カクニン</t>
    </rPh>
    <phoneticPr fontId="12"/>
  </si>
  <si>
    <t>数量を材質及び形状ごとの個数としたか。</t>
    <phoneticPr fontId="12"/>
  </si>
  <si>
    <t>総合調整に必要な電力、水､ガス､油等を計測の対象としていないか。また、設計図書に記載がある場合は、必要な数量としたか。</t>
    <rPh sb="35" eb="37">
      <t>セッケイ</t>
    </rPh>
    <rPh sb="37" eb="39">
      <t>トショ</t>
    </rPh>
    <rPh sb="40" eb="42">
      <t>キサイ</t>
    </rPh>
    <phoneticPr fontId="12"/>
  </si>
  <si>
    <t>円形ダクトの数量を口径ごとの長さとしたか。</t>
    <rPh sb="0" eb="2">
      <t>エンケイ</t>
    </rPh>
    <phoneticPr fontId="12"/>
  </si>
  <si>
    <t>数量を種類、寸法及び形状ごとの個数としたか。また、開放装置を壁面に設置する場合は、索道用電線管及び開放装置取付用裏ボックスは計上したか。</t>
    <rPh sb="25" eb="27">
      <t>カイホウ</t>
    </rPh>
    <rPh sb="27" eb="29">
      <t>ソウチ</t>
    </rPh>
    <rPh sb="30" eb="32">
      <t>ヘキメン</t>
    </rPh>
    <rPh sb="33" eb="35">
      <t>セッチ</t>
    </rPh>
    <rPh sb="37" eb="39">
      <t>バアイ</t>
    </rPh>
    <rPh sb="41" eb="43">
      <t>サクドウ</t>
    </rPh>
    <rPh sb="43" eb="44">
      <t>ヨウ</t>
    </rPh>
    <rPh sb="44" eb="47">
      <t>デンセンカン</t>
    </rPh>
    <rPh sb="47" eb="48">
      <t>オヨ</t>
    </rPh>
    <rPh sb="49" eb="51">
      <t>カイホウ</t>
    </rPh>
    <rPh sb="51" eb="53">
      <t>ソウチ</t>
    </rPh>
    <rPh sb="53" eb="56">
      <t>トリツケヨウ</t>
    </rPh>
    <rPh sb="56" eb="57">
      <t>ウラ</t>
    </rPh>
    <rPh sb="62" eb="64">
      <t>ケイジョウ</t>
    </rPh>
    <phoneticPr fontId="12"/>
  </si>
  <si>
    <t>５．衛生器具設備</t>
    <phoneticPr fontId="12"/>
  </si>
  <si>
    <t>ユニットトイレ、大便器・小便器・洗面器ユニット、オストメイト対応ユニットをユニットごとの組数としたか。</t>
    <rPh sb="30" eb="32">
      <t>タイオウ</t>
    </rPh>
    <rPh sb="44" eb="45">
      <t>クミ</t>
    </rPh>
    <rPh sb="45" eb="46">
      <t>スウ</t>
    </rPh>
    <phoneticPr fontId="12"/>
  </si>
  <si>
    <t>化粧棚、水石けん入れ、鏡等の数量を個数又は枚数としたか。</t>
    <rPh sb="17" eb="19">
      <t>コスウ</t>
    </rPh>
    <rPh sb="21" eb="22">
      <t>マイ</t>
    </rPh>
    <phoneticPr fontId="12"/>
  </si>
  <si>
    <t>６．給水設備</t>
    <rPh sb="2" eb="4">
      <t>キュウスイ</t>
    </rPh>
    <rPh sb="4" eb="6">
      <t>セツビ</t>
    </rPh>
    <phoneticPr fontId="12"/>
  </si>
  <si>
    <t>数量をその形式及び規格ごとの個数としたか。</t>
    <phoneticPr fontId="12"/>
  </si>
  <si>
    <t>３　文字標識等</t>
    <phoneticPr fontId="12"/>
  </si>
  <si>
    <t>数量を建物の延べ面積に対応した工数として計上したか。</t>
    <rPh sb="20" eb="22">
      <t>ケイジョウ</t>
    </rPh>
    <phoneticPr fontId="12"/>
  </si>
  <si>
    <t>７．排水設備</t>
    <rPh sb="2" eb="4">
      <t>ハイスイ</t>
    </rPh>
    <rPh sb="4" eb="6">
      <t>セツビ</t>
    </rPh>
    <phoneticPr fontId="12"/>
  </si>
  <si>
    <t>８．給湯設備</t>
    <rPh sb="2" eb="4">
      <t>キュウトウ</t>
    </rPh>
    <rPh sb="4" eb="6">
      <t>セツビ</t>
    </rPh>
    <phoneticPr fontId="12"/>
  </si>
  <si>
    <t>９．消火設備</t>
    <rPh sb="2" eb="4">
      <t>ショウカ</t>
    </rPh>
    <rPh sb="4" eb="6">
      <t>セツビ</t>
    </rPh>
    <phoneticPr fontId="12"/>
  </si>
  <si>
    <t>消火設備の器具の数量を屋内及び屋外消火栓箱、連結送水管等の形式及び規格寸法ごとの個数又は組数としたか。</t>
    <phoneticPr fontId="12"/>
  </si>
  <si>
    <t>３　配管付属品</t>
    <rPh sb="2" eb="4">
      <t>ハイカン</t>
    </rPh>
    <rPh sb="4" eb="7">
      <t>フゾクヒン</t>
    </rPh>
    <phoneticPr fontId="12"/>
  </si>
  <si>
    <t>屋外露出部分の保温の有無及び仕様を確認したか。</t>
    <rPh sb="12" eb="13">
      <t>オヨ</t>
    </rPh>
    <rPh sb="14" eb="16">
      <t>シヨウ</t>
    </rPh>
    <phoneticPr fontId="12"/>
  </si>
  <si>
    <t>１０．ガス設備</t>
    <rPh sb="5" eb="7">
      <t>セツビ</t>
    </rPh>
    <phoneticPr fontId="12"/>
  </si>
  <si>
    <t>１０－１　都市ガス設備</t>
    <rPh sb="5" eb="7">
      <t>トシ</t>
    </rPh>
    <rPh sb="9" eb="11">
      <t>セツビ</t>
    </rPh>
    <phoneticPr fontId="13"/>
  </si>
  <si>
    <t>１０－２　液化石油ガス設備</t>
    <rPh sb="5" eb="7">
      <t>エキカ</t>
    </rPh>
    <rPh sb="7" eb="9">
      <t>セキユ</t>
    </rPh>
    <rPh sb="11" eb="13">
      <t>セツビ</t>
    </rPh>
    <phoneticPr fontId="13"/>
  </si>
  <si>
    <t>１　器具類</t>
    <rPh sb="2" eb="4">
      <t>キグ</t>
    </rPh>
    <rPh sb="4" eb="5">
      <t>ルイ</t>
    </rPh>
    <phoneticPr fontId="12"/>
  </si>
  <si>
    <t>　ガス漏れ警報器</t>
    <phoneticPr fontId="13"/>
  </si>
  <si>
    <t>形式、仕様ごとの数量としたか。</t>
    <phoneticPr fontId="12"/>
  </si>
  <si>
    <t>仕様、呼び径ごとの数量としたか。</t>
    <phoneticPr fontId="12"/>
  </si>
  <si>
    <t>１１．厨房機器設備</t>
    <rPh sb="3" eb="5">
      <t>チュウボウ</t>
    </rPh>
    <rPh sb="5" eb="7">
      <t>キキ</t>
    </rPh>
    <rPh sb="7" eb="9">
      <t>セツビ</t>
    </rPh>
    <phoneticPr fontId="13"/>
  </si>
  <si>
    <t>機器の据付費（調整費含む）を歩掛りに依る場合は、標準単価積算基準にある歩掛りとしたか。</t>
    <rPh sb="10" eb="11">
      <t>フク</t>
    </rPh>
    <rPh sb="14" eb="15">
      <t>ブ</t>
    </rPh>
    <rPh sb="15" eb="16">
      <t>カカリ</t>
    </rPh>
    <rPh sb="18" eb="19">
      <t>ヨ</t>
    </rPh>
    <rPh sb="20" eb="22">
      <t>バアイ</t>
    </rPh>
    <rPh sb="24" eb="26">
      <t>ヒョウジュン</t>
    </rPh>
    <rPh sb="26" eb="28">
      <t>タンカ</t>
    </rPh>
    <rPh sb="28" eb="30">
      <t>セキサン</t>
    </rPh>
    <rPh sb="30" eb="32">
      <t>キジュン</t>
    </rPh>
    <rPh sb="35" eb="37">
      <t>ブガ</t>
    </rPh>
    <phoneticPr fontId="13"/>
  </si>
  <si>
    <t>１２．屋外 給水設備</t>
    <rPh sb="3" eb="5">
      <t>オクガイ</t>
    </rPh>
    <rPh sb="6" eb="8">
      <t>キュウスイ</t>
    </rPh>
    <rPh sb="8" eb="10">
      <t>セツビ</t>
    </rPh>
    <phoneticPr fontId="12"/>
  </si>
  <si>
    <t>数量を材質ごとの個数としたか。
（地表面：コンクリート製　舗装面：鉄製）</t>
    <rPh sb="0" eb="2">
      <t>スウリョウ</t>
    </rPh>
    <rPh sb="3" eb="5">
      <t>ザイシツ</t>
    </rPh>
    <rPh sb="8" eb="10">
      <t>コスウ</t>
    </rPh>
    <phoneticPr fontId="12"/>
  </si>
  <si>
    <t>数量を埋設配管の水平長さとしたか。</t>
    <rPh sb="0" eb="2">
      <t>スウリョウ</t>
    </rPh>
    <rPh sb="3" eb="5">
      <t>マイセツ</t>
    </rPh>
    <rPh sb="5" eb="7">
      <t>ハイカン</t>
    </rPh>
    <rPh sb="8" eb="10">
      <t>スイヘイ</t>
    </rPh>
    <rPh sb="10" eb="11">
      <t>ナガ</t>
    </rPh>
    <phoneticPr fontId="12"/>
  </si>
  <si>
    <t>１３．屋外 排水設備</t>
    <rPh sb="3" eb="5">
      <t>オクガイ</t>
    </rPh>
    <rPh sb="6" eb="8">
      <t>ハイスイ</t>
    </rPh>
    <rPh sb="8" eb="10">
      <t>セツビ</t>
    </rPh>
    <phoneticPr fontId="12"/>
  </si>
  <si>
    <t>数量を種類、形状、寸法及び深さごとの組数としたか。</t>
    <rPh sb="3" eb="5">
      <t>シュルイ</t>
    </rPh>
    <rPh sb="6" eb="8">
      <t>ケイジョウ</t>
    </rPh>
    <rPh sb="9" eb="11">
      <t>スンポウ</t>
    </rPh>
    <rPh sb="13" eb="14">
      <t>フカ</t>
    </rPh>
    <rPh sb="18" eb="19">
      <t>クミ</t>
    </rPh>
    <phoneticPr fontId="12"/>
  </si>
  <si>
    <t>ステンレス鋼管の保温を75Su以下については、１ｻｲｽﾞﾀﾞｳﾝとしたか。</t>
    <rPh sb="5" eb="6">
      <t>コウ</t>
    </rPh>
    <rPh sb="8" eb="10">
      <t>ホオン</t>
    </rPh>
    <phoneticPr fontId="12"/>
  </si>
  <si>
    <t>　文字標識等</t>
    <phoneticPr fontId="12"/>
  </si>
  <si>
    <t>適用となる基準類（適用年度）について確認したか。</t>
    <rPh sb="0" eb="2">
      <t>テキヨウ</t>
    </rPh>
    <rPh sb="5" eb="7">
      <t>キジュン</t>
    </rPh>
    <rPh sb="7" eb="8">
      <t>ルイ</t>
    </rPh>
    <rPh sb="9" eb="11">
      <t>テキヨウ</t>
    </rPh>
    <rPh sb="11" eb="13">
      <t>ネンド</t>
    </rPh>
    <rPh sb="18" eb="20">
      <t>カクニン</t>
    </rPh>
    <phoneticPr fontId="12"/>
  </si>
  <si>
    <t>直接工事費の種目を設計図書の表示に従い各工事種目ごとに区分したか。</t>
    <phoneticPr fontId="12"/>
  </si>
  <si>
    <t>各科目あるいは中科目に属する細目ごとに数量を記載したか。なお、必要に応じ別紙明細書を設け、１式で記載したか。</t>
    <phoneticPr fontId="12"/>
  </si>
  <si>
    <t>摘要欄は、材種、材質、形状、形式、寸法、工法、その他単価に対応する条件などを記載したか。</t>
    <rPh sb="14" eb="16">
      <t>ケイシキ</t>
    </rPh>
    <phoneticPr fontId="12"/>
  </si>
  <si>
    <t>内訳書摘要について、図面の記載内容と問題無いか確認したか。</t>
    <rPh sb="15" eb="17">
      <t>ナイヨウ</t>
    </rPh>
    <rPh sb="18" eb="21">
      <t>モンダイナ</t>
    </rPh>
    <rPh sb="23" eb="25">
      <t>カクニン</t>
    </rPh>
    <phoneticPr fontId="24"/>
  </si>
  <si>
    <t>保温工事は標準仕様書及び特記仕様書に記載されている施工上の分類及び関連材料等により区分し、計上したか。</t>
    <rPh sb="5" eb="7">
      <t>ヒョウジュン</t>
    </rPh>
    <rPh sb="7" eb="10">
      <t>シヨウショ</t>
    </rPh>
    <rPh sb="10" eb="11">
      <t>オヨ</t>
    </rPh>
    <rPh sb="12" eb="14">
      <t>トッキ</t>
    </rPh>
    <rPh sb="14" eb="17">
      <t>シヨウショ</t>
    </rPh>
    <rPh sb="18" eb="20">
      <t>キサイ</t>
    </rPh>
    <rPh sb="45" eb="47">
      <t>ケイジョウ</t>
    </rPh>
    <phoneticPr fontId="12"/>
  </si>
  <si>
    <t>ダンパーの数量を種類、寸法及び形状ごとの個数としたか。</t>
    <phoneticPr fontId="12"/>
  </si>
  <si>
    <t>数量を測定口の材質及び形式ごとの個数としたか。</t>
    <phoneticPr fontId="12"/>
  </si>
  <si>
    <t>数量を形式ごとの個数としたか。</t>
    <phoneticPr fontId="12"/>
  </si>
  <si>
    <t>数量を形式、規格及び呼び径ごとの個数としたか。</t>
    <phoneticPr fontId="12"/>
  </si>
  <si>
    <t>支持金物及び架台類の塗装の数量は表面積、亜鉛めっきは重量としたか。</t>
    <rPh sb="2" eb="4">
      <t>カナモノ</t>
    </rPh>
    <rPh sb="4" eb="5">
      <t>オヨ</t>
    </rPh>
    <rPh sb="6" eb="8">
      <t>カダイ</t>
    </rPh>
    <rPh sb="8" eb="9">
      <t>ルイ</t>
    </rPh>
    <rPh sb="20" eb="22">
      <t>アエン</t>
    </rPh>
    <rPh sb="26" eb="28">
      <t>ジュウリョウ</t>
    </rPh>
    <phoneticPr fontId="12"/>
  </si>
  <si>
    <t>６　土工事</t>
    <phoneticPr fontId="12"/>
  </si>
  <si>
    <t>２－２ 空調　配管設備</t>
    <rPh sb="4" eb="6">
      <t>クウチョウ</t>
    </rPh>
    <rPh sb="7" eb="9">
      <t>ハイカン</t>
    </rPh>
    <phoneticPr fontId="12"/>
  </si>
  <si>
    <t>図面特記がある場合、冷媒管の防火区画貫通処理を計上したか。</t>
    <rPh sb="0" eb="2">
      <t>ズメン</t>
    </rPh>
    <rPh sb="2" eb="4">
      <t>トッキ</t>
    </rPh>
    <rPh sb="7" eb="9">
      <t>バアイ</t>
    </rPh>
    <rPh sb="20" eb="22">
      <t>ショリ</t>
    </rPh>
    <rPh sb="23" eb="25">
      <t>ケイジョウ</t>
    </rPh>
    <phoneticPr fontId="3"/>
  </si>
  <si>
    <t>数量を形式及び口径ごとの個数としたか。</t>
    <rPh sb="7" eb="8">
      <t>コウ</t>
    </rPh>
    <phoneticPr fontId="24"/>
  </si>
  <si>
    <t>数量を材質及び形状ごとの個数としたか。</t>
    <phoneticPr fontId="12"/>
  </si>
  <si>
    <t>複数棟の場合は棟ごとに区分けがされているか確認したか。</t>
    <rPh sb="0" eb="2">
      <t>フクスウ</t>
    </rPh>
    <rPh sb="2" eb="3">
      <t>ムネ</t>
    </rPh>
    <rPh sb="4" eb="6">
      <t>バアイ</t>
    </rPh>
    <rPh sb="7" eb="8">
      <t>ムネ</t>
    </rPh>
    <rPh sb="11" eb="13">
      <t>クワ</t>
    </rPh>
    <rPh sb="21" eb="23">
      <t>カクニン</t>
    </rPh>
    <phoneticPr fontId="12"/>
  </si>
  <si>
    <t>自動制御機器、中央監視制御装置、自動制御盤、計装工事、エンジニアリング費、調整費及び諸経費に区分しているか。</t>
    <rPh sb="4" eb="6">
      <t>キキ</t>
    </rPh>
    <rPh sb="22" eb="24">
      <t>ケイソウ</t>
    </rPh>
    <rPh sb="24" eb="26">
      <t>コウジ</t>
    </rPh>
    <rPh sb="35" eb="36">
      <t>ヒ</t>
    </rPh>
    <rPh sb="37" eb="40">
      <t>チョウセイヒ</t>
    </rPh>
    <rPh sb="42" eb="45">
      <t>ショケイヒ</t>
    </rPh>
    <phoneticPr fontId="12"/>
  </si>
  <si>
    <t>内訳書摘要について、図面の記載内容と問題無いか確認したか。</t>
    <rPh sb="15" eb="17">
      <t>ナイヨウ</t>
    </rPh>
    <rPh sb="18" eb="21">
      <t>モンダイナ</t>
    </rPh>
    <rPh sb="23" eb="25">
      <t>カクニン</t>
    </rPh>
    <phoneticPr fontId="3"/>
  </si>
  <si>
    <t>数量を種類及び呼び径ごとの個数としたか。</t>
    <rPh sb="3" eb="5">
      <t>シュルイ</t>
    </rPh>
    <rPh sb="7" eb="8">
      <t>ヨ</t>
    </rPh>
    <rPh sb="9" eb="10">
      <t>ケイ</t>
    </rPh>
    <phoneticPr fontId="12"/>
  </si>
  <si>
    <t>４　文字標識等</t>
    <phoneticPr fontId="12"/>
  </si>
  <si>
    <t>数量を記号及び呼び径ごとの個数としたか。</t>
    <rPh sb="3" eb="5">
      <t>キゴウ</t>
    </rPh>
    <rPh sb="7" eb="8">
      <t>ヨ</t>
    </rPh>
    <rPh sb="9" eb="10">
      <t>ケイ</t>
    </rPh>
    <phoneticPr fontId="12"/>
  </si>
  <si>
    <t>数量を呼び径ごとの個数としたか。</t>
    <rPh sb="3" eb="4">
      <t>ヨ</t>
    </rPh>
    <rPh sb="5" eb="6">
      <t>ケイ</t>
    </rPh>
    <phoneticPr fontId="12"/>
  </si>
  <si>
    <t>４　保温</t>
    <phoneticPr fontId="12"/>
  </si>
  <si>
    <t>消火設備の器具の数量を屋内及び屋外消火栓箱、連結送水管等の形式及び規格寸法ごとの個数又は組数としたか。</t>
    <phoneticPr fontId="12"/>
  </si>
  <si>
    <t>屋内消火栓の記号、仕様等を確認したか。</t>
    <rPh sb="0" eb="2">
      <t>オクナイ</t>
    </rPh>
    <rPh sb="2" eb="5">
      <t>ショウカセン</t>
    </rPh>
    <rPh sb="6" eb="8">
      <t>キゴウ</t>
    </rPh>
    <rPh sb="9" eb="11">
      <t>シヨウ</t>
    </rPh>
    <rPh sb="11" eb="12">
      <t>トウ</t>
    </rPh>
    <rPh sb="13" eb="15">
      <t>カクニン</t>
    </rPh>
    <phoneticPr fontId="4"/>
  </si>
  <si>
    <t>　ガス漏れ警報器</t>
    <phoneticPr fontId="13"/>
  </si>
  <si>
    <t>数量は、仕様ごとの組数としたか。</t>
    <rPh sb="0" eb="2">
      <t>スウリョウ</t>
    </rPh>
    <rPh sb="9" eb="11">
      <t>クミスウ</t>
    </rPh>
    <phoneticPr fontId="12"/>
  </si>
  <si>
    <t>数量は、仕様及び呼び径ごとの個数としたか。</t>
    <rPh sb="0" eb="2">
      <t>スウリョウ</t>
    </rPh>
    <rPh sb="6" eb="7">
      <t>オヨ</t>
    </rPh>
    <rPh sb="14" eb="16">
      <t>コスウ</t>
    </rPh>
    <phoneticPr fontId="12"/>
  </si>
  <si>
    <t>数量をその形式及び規格ごとの個数としたか。</t>
    <phoneticPr fontId="12"/>
  </si>
  <si>
    <t>数量を形式、規格及び深さごとの組数としたか。</t>
    <rPh sb="10" eb="11">
      <t>フカ</t>
    </rPh>
    <rPh sb="15" eb="16">
      <t>クミ</t>
    </rPh>
    <phoneticPr fontId="12"/>
  </si>
  <si>
    <t>単価資料等チェックリスト</t>
    <rPh sb="2" eb="4">
      <t>シリョウ</t>
    </rPh>
    <phoneticPr fontId="13"/>
  </si>
  <si>
    <t>Ⅰ．基本事項</t>
    <rPh sb="2" eb="4">
      <t>キホン</t>
    </rPh>
    <rPh sb="4" eb="6">
      <t>ジコウ</t>
    </rPh>
    <phoneticPr fontId="28"/>
  </si>
  <si>
    <t>1．基準類の確認</t>
    <phoneticPr fontId="24"/>
  </si>
  <si>
    <t>チェック項目</t>
    <rPh sb="4" eb="6">
      <t>コウモク</t>
    </rPh>
    <phoneticPr fontId="24"/>
  </si>
  <si>
    <t>チェック内容</t>
    <rPh sb="4" eb="6">
      <t>ナイヨウ</t>
    </rPh>
    <phoneticPr fontId="24"/>
  </si>
  <si>
    <t>確認</t>
    <rPh sb="0" eb="2">
      <t>カクニン</t>
    </rPh>
    <phoneticPr fontId="24"/>
  </si>
  <si>
    <t>単</t>
    <rPh sb="0" eb="1">
      <t>タン</t>
    </rPh>
    <phoneticPr fontId="13"/>
  </si>
  <si>
    <t>▼</t>
    <phoneticPr fontId="13"/>
  </si>
  <si>
    <t>基準類</t>
    <rPh sb="0" eb="2">
      <t>キジュン</t>
    </rPh>
    <rPh sb="2" eb="3">
      <t>ルイ</t>
    </rPh>
    <phoneticPr fontId="24"/>
  </si>
  <si>
    <t>適用となる基準類（適用年度）について確認したか。</t>
    <rPh sb="0" eb="2">
      <t>テキヨウ</t>
    </rPh>
    <rPh sb="5" eb="7">
      <t>キジュン</t>
    </rPh>
    <rPh sb="7" eb="8">
      <t>ルイ</t>
    </rPh>
    <rPh sb="9" eb="11">
      <t>テキヨウ</t>
    </rPh>
    <rPh sb="11" eb="13">
      <t>ネンド</t>
    </rPh>
    <rPh sb="18" eb="20">
      <t>カクニン</t>
    </rPh>
    <phoneticPr fontId="24"/>
  </si>
  <si>
    <t>Ⅱ．工事費の積算</t>
    <rPh sb="2" eb="5">
      <t>コウジヒ</t>
    </rPh>
    <rPh sb="6" eb="8">
      <t>セキサン</t>
    </rPh>
    <phoneticPr fontId="24"/>
  </si>
  <si>
    <t>１．一般共通事項</t>
    <rPh sb="2" eb="4">
      <t>イッパン</t>
    </rPh>
    <rPh sb="4" eb="6">
      <t>キョウツウ</t>
    </rPh>
    <rPh sb="6" eb="8">
      <t>ジコウ</t>
    </rPh>
    <phoneticPr fontId="24"/>
  </si>
  <si>
    <t>共通事項</t>
    <rPh sb="0" eb="2">
      <t>キョウツウ</t>
    </rPh>
    <rPh sb="2" eb="4">
      <t>ジコウ</t>
    </rPh>
    <phoneticPr fontId="24"/>
  </si>
  <si>
    <t>物価資料の掲載価格を採用又は比較対象とした場合、規格、寸法、損料等の期間、取引数量等の適用条件と合致しているか。</t>
    <rPh sb="0" eb="2">
      <t>ブッカ</t>
    </rPh>
    <rPh sb="2" eb="4">
      <t>シリョウ</t>
    </rPh>
    <rPh sb="5" eb="7">
      <t>ケイサイ</t>
    </rPh>
    <rPh sb="12" eb="13">
      <t>マタ</t>
    </rPh>
    <rPh sb="14" eb="16">
      <t>ヒカク</t>
    </rPh>
    <rPh sb="16" eb="18">
      <t>タイショウ</t>
    </rPh>
    <rPh sb="32" eb="33">
      <t>ナド</t>
    </rPh>
    <rPh sb="37" eb="39">
      <t>トリヒキ</t>
    </rPh>
    <rPh sb="39" eb="41">
      <t>スウリョウ</t>
    </rPh>
    <rPh sb="41" eb="42">
      <t>ナド</t>
    </rPh>
    <rPh sb="43" eb="45">
      <t>テキヨウ</t>
    </rPh>
    <rPh sb="45" eb="47">
      <t>ジョウケン</t>
    </rPh>
    <rPh sb="48" eb="50">
      <t>ガッチ</t>
    </rPh>
    <phoneticPr fontId="24"/>
  </si>
  <si>
    <t>設計図書に従い施工計画上必要となる仮設類の盛換え費用、施工条件の制約により割増しとなる費用等を検討するための単価資料を作成したか。</t>
    <rPh sb="0" eb="2">
      <t>セッケイ</t>
    </rPh>
    <rPh sb="2" eb="4">
      <t>トショ</t>
    </rPh>
    <rPh sb="5" eb="6">
      <t>シタガ</t>
    </rPh>
    <rPh sb="7" eb="9">
      <t>セコウ</t>
    </rPh>
    <rPh sb="9" eb="12">
      <t>ケイカクジョウ</t>
    </rPh>
    <rPh sb="12" eb="14">
      <t>ヒツヨウ</t>
    </rPh>
    <rPh sb="17" eb="19">
      <t>カセツ</t>
    </rPh>
    <rPh sb="19" eb="20">
      <t>ルイ</t>
    </rPh>
    <rPh sb="21" eb="22">
      <t>モ</t>
    </rPh>
    <rPh sb="22" eb="23">
      <t>カ</t>
    </rPh>
    <rPh sb="24" eb="26">
      <t>ヒヨウ</t>
    </rPh>
    <rPh sb="27" eb="29">
      <t>セコウ</t>
    </rPh>
    <rPh sb="29" eb="31">
      <t>ジョウケン</t>
    </rPh>
    <rPh sb="32" eb="34">
      <t>セイヤク</t>
    </rPh>
    <rPh sb="37" eb="38">
      <t>ワ</t>
    </rPh>
    <rPh sb="38" eb="39">
      <t>マ</t>
    </rPh>
    <rPh sb="43" eb="45">
      <t>ヒヨウ</t>
    </rPh>
    <rPh sb="45" eb="46">
      <t>ナド</t>
    </rPh>
    <rPh sb="47" eb="49">
      <t>ケントウ</t>
    </rPh>
    <rPh sb="54" eb="56">
      <t>タンカ</t>
    </rPh>
    <rPh sb="56" eb="58">
      <t>シリョウ</t>
    </rPh>
    <rPh sb="59" eb="61">
      <t>サクセイ</t>
    </rPh>
    <phoneticPr fontId="24"/>
  </si>
  <si>
    <t>山間へき地、離島等の特殊な施工条件の場合は、作業員の就労状況、宿舎費、資材の梱包運搬費等の費用を検討するための単価資料を作成したか。</t>
    <rPh sb="22" eb="25">
      <t>サギョウイン</t>
    </rPh>
    <rPh sb="26" eb="28">
      <t>シュウロウ</t>
    </rPh>
    <rPh sb="28" eb="30">
      <t>ジョウキョウ</t>
    </rPh>
    <rPh sb="31" eb="33">
      <t>シュクシャ</t>
    </rPh>
    <rPh sb="33" eb="34">
      <t>ヒ</t>
    </rPh>
    <rPh sb="35" eb="37">
      <t>シザイ</t>
    </rPh>
    <rPh sb="38" eb="40">
      <t>コンポウ</t>
    </rPh>
    <rPh sb="40" eb="43">
      <t>ウンパンヒ</t>
    </rPh>
    <rPh sb="43" eb="44">
      <t>トウ</t>
    </rPh>
    <rPh sb="45" eb="47">
      <t>ヒヨウ</t>
    </rPh>
    <rPh sb="48" eb="50">
      <t>ケントウ</t>
    </rPh>
    <rPh sb="55" eb="57">
      <t>タンカ</t>
    </rPh>
    <rPh sb="57" eb="59">
      <t>シリョウ</t>
    </rPh>
    <rPh sb="60" eb="62">
      <t>サクセイ</t>
    </rPh>
    <phoneticPr fontId="24"/>
  </si>
  <si>
    <t>施工時間が深夜に指定された場合には、割増賃金を考慮し、単価の補正を検討するための単価資料を作成したか。</t>
    <rPh sb="23" eb="25">
      <t>コウリョ</t>
    </rPh>
    <rPh sb="27" eb="29">
      <t>タンカ</t>
    </rPh>
    <rPh sb="30" eb="32">
      <t>ホセイ</t>
    </rPh>
    <rPh sb="33" eb="35">
      <t>ケントウ</t>
    </rPh>
    <rPh sb="40" eb="42">
      <t>タンカ</t>
    </rPh>
    <rPh sb="42" eb="44">
      <t>シリョウ</t>
    </rPh>
    <rPh sb="45" eb="47">
      <t>サクセイ</t>
    </rPh>
    <phoneticPr fontId="24"/>
  </si>
  <si>
    <t>掲載価格条件が現地渡しでない場合は、条件を勘案し運搬費を計上するための単価資料を作成したか。（物価資料等における材料価格は、現地渡し価格が標準となっている。）</t>
    <rPh sb="35" eb="37">
      <t>タンカ</t>
    </rPh>
    <rPh sb="37" eb="39">
      <t>シリョウ</t>
    </rPh>
    <rPh sb="40" eb="42">
      <t>サクセイ</t>
    </rPh>
    <phoneticPr fontId="24"/>
  </si>
  <si>
    <t>改修工事は、施工条件等を考慮し、単価の補正を検討するための単価資料を作成したか。</t>
    <rPh sb="16" eb="18">
      <t>タンカ</t>
    </rPh>
    <rPh sb="29" eb="31">
      <t>タンカ</t>
    </rPh>
    <rPh sb="31" eb="33">
      <t>シリョウ</t>
    </rPh>
    <rPh sb="34" eb="36">
      <t>サクセイ</t>
    </rPh>
    <phoneticPr fontId="24"/>
  </si>
  <si>
    <t>設計変更</t>
    <rPh sb="0" eb="2">
      <t>セッケイ</t>
    </rPh>
    <rPh sb="2" eb="4">
      <t>ヘンコウ</t>
    </rPh>
    <phoneticPr fontId="24"/>
  </si>
  <si>
    <t>設計変更における基準は、当初設計における工事費積算時の基準としたか。</t>
    <rPh sb="0" eb="2">
      <t>セッケイ</t>
    </rPh>
    <rPh sb="2" eb="4">
      <t>ヘンコウ</t>
    </rPh>
    <rPh sb="8" eb="10">
      <t>キジュン</t>
    </rPh>
    <rPh sb="12" eb="14">
      <t>トウショ</t>
    </rPh>
    <rPh sb="14" eb="16">
      <t>セッケイ</t>
    </rPh>
    <rPh sb="20" eb="23">
      <t>コウジヒ</t>
    </rPh>
    <rPh sb="23" eb="26">
      <t>セキサンジ</t>
    </rPh>
    <rPh sb="27" eb="29">
      <t>キジュン</t>
    </rPh>
    <phoneticPr fontId="24"/>
  </si>
  <si>
    <t>２．複合単価</t>
    <rPh sb="2" eb="4">
      <t>フクゴウ</t>
    </rPh>
    <rPh sb="4" eb="6">
      <t>タンカ</t>
    </rPh>
    <phoneticPr fontId="24"/>
  </si>
  <si>
    <t>共通事項</t>
    <phoneticPr fontId="13"/>
  </si>
  <si>
    <t>「単価基準」及び「基準等資料」で「その他」の率を確認したか。</t>
  </si>
  <si>
    <t>原則として、材料価格及び材料単価が、物価資料に掲載されている場合はその掲載価格を採用し単価資料を作成したか。</t>
    <rPh sb="43" eb="45">
      <t>タンカ</t>
    </rPh>
    <rPh sb="45" eb="47">
      <t>シリョウ</t>
    </rPh>
    <rPh sb="48" eb="50">
      <t>サクセイ</t>
    </rPh>
    <phoneticPr fontId="13"/>
  </si>
  <si>
    <t>物価資料に掲載された材料単価等は、平均値を採用したか。なお、１つの物価資料にのみ掲載されている場合は、掲載された単価で単価資料を作成したか。</t>
    <rPh sb="59" eb="61">
      <t>タンカ</t>
    </rPh>
    <rPh sb="61" eb="63">
      <t>シリョウ</t>
    </rPh>
    <rPh sb="64" eb="66">
      <t>サクセイ</t>
    </rPh>
    <phoneticPr fontId="13"/>
  </si>
  <si>
    <t>物価資料の掲載価格が「公表価格」の場合、市中における取引状況等を確認し、補正を検討するための単価資料を作成したか。</t>
    <rPh sb="46" eb="48">
      <t>タンカ</t>
    </rPh>
    <rPh sb="48" eb="50">
      <t>シリョウ</t>
    </rPh>
    <rPh sb="51" eb="53">
      <t>サクセイ</t>
    </rPh>
    <phoneticPr fontId="13"/>
  </si>
  <si>
    <t>代価表で歩掛りを作成した場合に、作成の根拠を明示したか。</t>
  </si>
  <si>
    <t>仮設（改修工事）</t>
    <rPh sb="0" eb="2">
      <t>カセツ</t>
    </rPh>
    <rPh sb="3" eb="5">
      <t>カイシュウ</t>
    </rPh>
    <rPh sb="5" eb="7">
      <t>コウジ</t>
    </rPh>
    <phoneticPr fontId="24"/>
  </si>
  <si>
    <t>養生、
整理清掃･
後片付け</t>
    <phoneticPr fontId="13"/>
  </si>
  <si>
    <t>内部改修の１室において、個別改修と複合改修が混在する場合の単価は、対象面積全てを複合改修としたか。</t>
  </si>
  <si>
    <t>外部足場</t>
    <rPh sb="0" eb="2">
      <t>ガイブ</t>
    </rPh>
    <rPh sb="2" eb="4">
      <t>アシバ</t>
    </rPh>
    <phoneticPr fontId="28"/>
  </si>
  <si>
    <t>足場の存置日数が設計図書に記載がない場合は、発注上の工期や準備期間（１ヶ月程度）、掛払い日数と改修内容、改修面積等に基づき想定したか。</t>
    <phoneticPr fontId="13"/>
  </si>
  <si>
    <t>災害防止</t>
    <phoneticPr fontId="13"/>
  </si>
  <si>
    <t>災害防止（金網、シート等）の存置日数は、特別な場合を除き外部足場と同じ日数を標準としたか。</t>
    <rPh sb="5" eb="7">
      <t>カナアミ</t>
    </rPh>
    <rPh sb="11" eb="12">
      <t>ナド</t>
    </rPh>
    <phoneticPr fontId="24"/>
  </si>
  <si>
    <t>内部足場</t>
    <phoneticPr fontId="13"/>
  </si>
  <si>
    <t>階高４ｍを超える場合は、新営工事の仮設単価を適用し、標準設計供用日数は３０日としたか。</t>
  </si>
  <si>
    <t>撤去から改修終了まで長期の期間を要する場合は、損料等について適切に計上したか。</t>
  </si>
  <si>
    <t>撤去後、改修を行う期間まで足場を要しない工事が発生する場合は、掛け払い手間について適切に計上したか。</t>
  </si>
  <si>
    <t>仮設材運般</t>
    <rPh sb="0" eb="2">
      <t>カセツ</t>
    </rPh>
    <rPh sb="2" eb="3">
      <t>ザイ</t>
    </rPh>
    <rPh sb="3" eb="4">
      <t>ウン</t>
    </rPh>
    <rPh sb="4" eb="5">
      <t>パン</t>
    </rPh>
    <phoneticPr fontId="28"/>
  </si>
  <si>
    <t>ベース車両４ｔ車を標準とするが、現場状況等により規格の異なる車両を想定する場合は別途考慮したか。</t>
  </si>
  <si>
    <t>３．市場単価</t>
    <rPh sb="2" eb="4">
      <t>シジョウ</t>
    </rPh>
    <rPh sb="4" eb="6">
      <t>タンカ</t>
    </rPh>
    <phoneticPr fontId="24"/>
  </si>
  <si>
    <t>共通事項</t>
    <phoneticPr fontId="24"/>
  </si>
  <si>
    <t>市場単価を採用する場合は、単価構成の内容を確認し、項目の二重計上や漏れがないか。</t>
    <phoneticPr fontId="24"/>
  </si>
  <si>
    <t>物価資料に掲載された市場単価は、平均値を採用したか。</t>
    <phoneticPr fontId="24"/>
  </si>
  <si>
    <t>ダクト設備</t>
    <rPh sb="3" eb="5">
      <t>セツビ</t>
    </rPh>
    <phoneticPr fontId="24"/>
  </si>
  <si>
    <t>ダクト及び付属品は、原則として市場単価を使用したか。</t>
    <rPh sb="3" eb="4">
      <t>オヨ</t>
    </rPh>
    <rPh sb="5" eb="7">
      <t>フゾク</t>
    </rPh>
    <rPh sb="7" eb="8">
      <t>ヒン</t>
    </rPh>
    <rPh sb="10" eb="12">
      <t>ゲンソク</t>
    </rPh>
    <rPh sb="15" eb="17">
      <t>シジョウ</t>
    </rPh>
    <rPh sb="17" eb="19">
      <t>タンカ</t>
    </rPh>
    <rPh sb="20" eb="22">
      <t>シヨウ</t>
    </rPh>
    <phoneticPr fontId="24"/>
  </si>
  <si>
    <t>４．見積単価</t>
    <rPh sb="2" eb="4">
      <t>ミツモリ</t>
    </rPh>
    <rPh sb="4" eb="6">
      <t>タンカ</t>
    </rPh>
    <phoneticPr fontId="24"/>
  </si>
  <si>
    <t>各社の見積書の内容が、見積書の提出依頼の際に提示した設計図書、数量、見積条件書等に基づき、過不足のないものとしたか。</t>
    <phoneticPr fontId="24"/>
  </si>
  <si>
    <t>見積書の宛先、工事名、工事場所、日付、見積りの有効期限が適正か。</t>
    <phoneticPr fontId="13"/>
  </si>
  <si>
    <t>材工共の見積りは、材料費、労務費、運搬費、諸経費及び法定福利費がわかるようになっているか。</t>
    <rPh sb="13" eb="15">
      <t>ロウム</t>
    </rPh>
    <rPh sb="21" eb="22">
      <t>ショ</t>
    </rPh>
    <phoneticPr fontId="28"/>
  </si>
  <si>
    <t>複数社の見積書は整っているか。</t>
  </si>
  <si>
    <t>単価の建設物価、積算資料、建築施工単価、建築コスト情報からの引用にあたり、単価構成内容（材、材工共等）や、実勢・公表価格のいづれか等を確認したか。</t>
  </si>
  <si>
    <t>見積比較表の各社の合計金額が見積書と一致しているか。</t>
  </si>
  <si>
    <t>見積書の材料費と労務費のそれぞれの内容が、施工実態を踏まえた過不足のないものとしたか。</t>
    <rPh sb="0" eb="3">
      <t>ミツモリショ</t>
    </rPh>
    <rPh sb="4" eb="7">
      <t>ザイリョウヒ</t>
    </rPh>
    <rPh sb="8" eb="11">
      <t>ロウムヒ</t>
    </rPh>
    <rPh sb="17" eb="19">
      <t>ナイヨウ</t>
    </rPh>
    <rPh sb="21" eb="23">
      <t>セコウ</t>
    </rPh>
    <rPh sb="23" eb="25">
      <t>ジッタイ</t>
    </rPh>
    <rPh sb="26" eb="27">
      <t>フ</t>
    </rPh>
    <rPh sb="30" eb="33">
      <t>カブソク</t>
    </rPh>
    <phoneticPr fontId="28"/>
  </si>
  <si>
    <t>見積依頼</t>
    <phoneticPr fontId="24"/>
  </si>
  <si>
    <t>工事名</t>
    <rPh sb="0" eb="2">
      <t>コウジ</t>
    </rPh>
    <phoneticPr fontId="12"/>
  </si>
  <si>
    <t>工事名を正しく記載したか。</t>
    <phoneticPr fontId="24"/>
  </si>
  <si>
    <t>工事場所</t>
    <rPh sb="0" eb="2">
      <t>コウジ</t>
    </rPh>
    <rPh sb="2" eb="4">
      <t>バショ</t>
    </rPh>
    <phoneticPr fontId="12"/>
  </si>
  <si>
    <t>工事場所を正しく記載したか。</t>
    <rPh sb="0" eb="2">
      <t>コウジ</t>
    </rPh>
    <rPh sb="2" eb="4">
      <t>バショ</t>
    </rPh>
    <rPh sb="5" eb="6">
      <t>タダ</t>
    </rPh>
    <rPh sb="8" eb="10">
      <t>キサイ</t>
    </rPh>
    <phoneticPr fontId="12"/>
  </si>
  <si>
    <t>宛先</t>
    <rPh sb="0" eb="2">
      <t>アテサキ</t>
    </rPh>
    <phoneticPr fontId="24"/>
  </si>
  <si>
    <t>宛先は発注者の指示によるものとしたか。</t>
    <rPh sb="0" eb="2">
      <t>アテサキ</t>
    </rPh>
    <rPh sb="3" eb="6">
      <t>ハッチュウシャ</t>
    </rPh>
    <rPh sb="7" eb="9">
      <t>シジ</t>
    </rPh>
    <phoneticPr fontId="24"/>
  </si>
  <si>
    <t>見積有効期限</t>
    <rPh sb="0" eb="2">
      <t>ミツモリ</t>
    </rPh>
    <rPh sb="2" eb="4">
      <t>ユウコウ</t>
    </rPh>
    <rPh sb="4" eb="6">
      <t>キゲン</t>
    </rPh>
    <phoneticPr fontId="24"/>
  </si>
  <si>
    <t>入札日を考慮し、必要とする日数を検討して記入したか。</t>
    <rPh sb="0" eb="3">
      <t>ニュウサツビ</t>
    </rPh>
    <rPh sb="4" eb="6">
      <t>コウリョ</t>
    </rPh>
    <rPh sb="8" eb="10">
      <t>ヒツヨウ</t>
    </rPh>
    <rPh sb="13" eb="15">
      <t>ニッスウ</t>
    </rPh>
    <rPh sb="16" eb="18">
      <t>ケントウ</t>
    </rPh>
    <rPh sb="20" eb="22">
      <t>キニュウ</t>
    </rPh>
    <phoneticPr fontId="12"/>
  </si>
  <si>
    <t>受渡場所</t>
    <rPh sb="0" eb="2">
      <t>ウケワタシ</t>
    </rPh>
    <rPh sb="2" eb="4">
      <t>バショ</t>
    </rPh>
    <phoneticPr fontId="24"/>
  </si>
  <si>
    <t>受渡場所は、原則として現場館側渡しとし、（現場車上渡しは不可）見積資機材の据付費を含める場合には、現場据付渡しとし、記入したか。</t>
    <rPh sb="0" eb="2">
      <t>ウケワタシ</t>
    </rPh>
    <rPh sb="2" eb="4">
      <t>バショ</t>
    </rPh>
    <rPh sb="6" eb="8">
      <t>ゲンソク</t>
    </rPh>
    <rPh sb="11" eb="13">
      <t>ゲンバ</t>
    </rPh>
    <rPh sb="13" eb="14">
      <t>カン</t>
    </rPh>
    <rPh sb="14" eb="15">
      <t>ガワ</t>
    </rPh>
    <rPh sb="15" eb="16">
      <t>ワタ</t>
    </rPh>
    <rPh sb="21" eb="23">
      <t>ゲンバ</t>
    </rPh>
    <rPh sb="23" eb="25">
      <t>シャジョウ</t>
    </rPh>
    <rPh sb="25" eb="26">
      <t>ワタ</t>
    </rPh>
    <rPh sb="28" eb="30">
      <t>フカ</t>
    </rPh>
    <rPh sb="31" eb="33">
      <t>ミツモリ</t>
    </rPh>
    <rPh sb="33" eb="36">
      <t>シキザイ</t>
    </rPh>
    <rPh sb="37" eb="39">
      <t>スエツケ</t>
    </rPh>
    <rPh sb="39" eb="40">
      <t>ヒ</t>
    </rPh>
    <rPh sb="41" eb="42">
      <t>フク</t>
    </rPh>
    <rPh sb="44" eb="46">
      <t>バアイ</t>
    </rPh>
    <rPh sb="49" eb="51">
      <t>ゲンバ</t>
    </rPh>
    <rPh sb="51" eb="53">
      <t>スエツケ</t>
    </rPh>
    <rPh sb="53" eb="54">
      <t>ワタ</t>
    </rPh>
    <rPh sb="58" eb="60">
      <t>キニュウ</t>
    </rPh>
    <phoneticPr fontId="24"/>
  </si>
  <si>
    <t>見積依頼内容</t>
    <rPh sb="0" eb="2">
      <t>ミツモリ</t>
    </rPh>
    <rPh sb="2" eb="4">
      <t>イライ</t>
    </rPh>
    <rPh sb="4" eb="6">
      <t>ナイヨウ</t>
    </rPh>
    <phoneticPr fontId="24"/>
  </si>
  <si>
    <t>設計図書を確認し、記入したか。</t>
    <rPh sb="0" eb="2">
      <t>セッケイ</t>
    </rPh>
    <rPh sb="2" eb="4">
      <t>トショ</t>
    </rPh>
    <rPh sb="5" eb="7">
      <t>カクニン</t>
    </rPh>
    <rPh sb="9" eb="11">
      <t>キニュウ</t>
    </rPh>
    <phoneticPr fontId="24"/>
  </si>
  <si>
    <t>見積依頼範囲を明確にしたか。</t>
    <phoneticPr fontId="24"/>
  </si>
  <si>
    <t>諸経費の扱いを明確にしたか。</t>
    <phoneticPr fontId="24"/>
  </si>
  <si>
    <t>見積依頼範囲が区別できるか。</t>
    <phoneticPr fontId="24"/>
  </si>
  <si>
    <t>適切な依頼先が選定されているか。</t>
    <phoneticPr fontId="24"/>
  </si>
  <si>
    <t>一般機器</t>
    <phoneticPr fontId="24"/>
  </si>
  <si>
    <t>仕様</t>
    <rPh sb="0" eb="2">
      <t>シヨウ</t>
    </rPh>
    <phoneticPr fontId="24"/>
  </si>
  <si>
    <t>見積書の機器名称及び仕様が設計図書とくい違いのないように記入したか。</t>
    <rPh sb="0" eb="3">
      <t>ミツモリショ</t>
    </rPh>
    <rPh sb="4" eb="6">
      <t>キキ</t>
    </rPh>
    <rPh sb="6" eb="8">
      <t>メイショウ</t>
    </rPh>
    <rPh sb="8" eb="9">
      <t>オヨ</t>
    </rPh>
    <rPh sb="10" eb="12">
      <t>シヨウ</t>
    </rPh>
    <rPh sb="13" eb="15">
      <t>セッケイ</t>
    </rPh>
    <rPh sb="15" eb="17">
      <t>トショ</t>
    </rPh>
    <rPh sb="20" eb="21">
      <t>チガ</t>
    </rPh>
    <rPh sb="28" eb="30">
      <t>キニュウ</t>
    </rPh>
    <phoneticPr fontId="24"/>
  </si>
  <si>
    <t>特記事項</t>
    <rPh sb="0" eb="2">
      <t>トッキ</t>
    </rPh>
    <rPh sb="2" eb="4">
      <t>ジコウ</t>
    </rPh>
    <phoneticPr fontId="24"/>
  </si>
  <si>
    <t>標準仕様書の適用「する」「しない」を確認し、記入したか。</t>
    <rPh sb="0" eb="2">
      <t>ヒョウジュン</t>
    </rPh>
    <rPh sb="2" eb="5">
      <t>シヨウショ</t>
    </rPh>
    <rPh sb="6" eb="8">
      <t>テキヨウ</t>
    </rPh>
    <rPh sb="18" eb="20">
      <t>カクニン</t>
    </rPh>
    <rPh sb="22" eb="24">
      <t>キニュウ</t>
    </rPh>
    <phoneticPr fontId="24"/>
  </si>
  <si>
    <t>標準仕様書を適用する場合には、標準仕様書の適用年次を確認し、記入したか。</t>
    <rPh sb="0" eb="2">
      <t>ヒョウジュン</t>
    </rPh>
    <rPh sb="2" eb="5">
      <t>シヨウショ</t>
    </rPh>
    <rPh sb="6" eb="8">
      <t>テキヨウ</t>
    </rPh>
    <rPh sb="10" eb="12">
      <t>バアイ</t>
    </rPh>
    <rPh sb="15" eb="17">
      <t>ヒョウジュン</t>
    </rPh>
    <rPh sb="17" eb="20">
      <t>シヨウショ</t>
    </rPh>
    <rPh sb="21" eb="23">
      <t>テキヨウ</t>
    </rPh>
    <rPh sb="23" eb="25">
      <t>ネンジ</t>
    </rPh>
    <rPh sb="26" eb="28">
      <t>カクニン</t>
    </rPh>
    <rPh sb="30" eb="32">
      <t>キニュウ</t>
    </rPh>
    <phoneticPr fontId="24"/>
  </si>
  <si>
    <t>電源周波数は地域により適切な値としたか。</t>
    <rPh sb="0" eb="2">
      <t>デンゲン</t>
    </rPh>
    <rPh sb="2" eb="5">
      <t>シュウハスウ</t>
    </rPh>
    <rPh sb="6" eb="8">
      <t>チイキ</t>
    </rPh>
    <rPh sb="11" eb="13">
      <t>テキセツ</t>
    </rPh>
    <rPh sb="14" eb="15">
      <t>アタイ</t>
    </rPh>
    <phoneticPr fontId="24"/>
  </si>
  <si>
    <t>機器表を確認し、見積書式の特記事項欄に必要事項を記入したか。</t>
    <rPh sb="0" eb="2">
      <t>キキ</t>
    </rPh>
    <rPh sb="2" eb="3">
      <t>ヒョウ</t>
    </rPh>
    <rPh sb="4" eb="6">
      <t>カクニン</t>
    </rPh>
    <rPh sb="8" eb="10">
      <t>ミツモリ</t>
    </rPh>
    <rPh sb="10" eb="12">
      <t>ショシキ</t>
    </rPh>
    <rPh sb="13" eb="15">
      <t>トッキ</t>
    </rPh>
    <rPh sb="15" eb="17">
      <t>ジコウ</t>
    </rPh>
    <rPh sb="17" eb="18">
      <t>ラン</t>
    </rPh>
    <rPh sb="19" eb="21">
      <t>ヒツヨウ</t>
    </rPh>
    <rPh sb="21" eb="23">
      <t>ジコウ</t>
    </rPh>
    <rPh sb="24" eb="26">
      <t>キニュウ</t>
    </rPh>
    <phoneticPr fontId="24"/>
  </si>
  <si>
    <t>金額欄</t>
    <rPh sb="0" eb="3">
      <t>キンガクラン</t>
    </rPh>
    <phoneticPr fontId="12"/>
  </si>
  <si>
    <t>予備品・付属品が必要な場合は記載欄を追加したか。</t>
    <rPh sb="0" eb="1">
      <t>ヨ</t>
    </rPh>
    <rPh sb="1" eb="3">
      <t>ビヒン</t>
    </rPh>
    <rPh sb="4" eb="7">
      <t>フゾクヒン</t>
    </rPh>
    <rPh sb="8" eb="10">
      <t>ヒツヨウ</t>
    </rPh>
    <rPh sb="11" eb="13">
      <t>バアイ</t>
    </rPh>
    <rPh sb="14" eb="16">
      <t>キサイ</t>
    </rPh>
    <rPh sb="16" eb="17">
      <t>ラン</t>
    </rPh>
    <rPh sb="18" eb="20">
      <t>ツイカ</t>
    </rPh>
    <phoneticPr fontId="12"/>
  </si>
  <si>
    <t>見積書の確認</t>
    <phoneticPr fontId="24"/>
  </si>
  <si>
    <t>提出日</t>
    <rPh sb="0" eb="2">
      <t>テイシュツ</t>
    </rPh>
    <rPh sb="2" eb="3">
      <t>ビ</t>
    </rPh>
    <phoneticPr fontId="24"/>
  </si>
  <si>
    <t>見積書に提出日が記載されているか。</t>
    <rPh sb="0" eb="3">
      <t>ミツモリショ</t>
    </rPh>
    <rPh sb="4" eb="6">
      <t>テイシュツ</t>
    </rPh>
    <rPh sb="6" eb="7">
      <t>ニチ</t>
    </rPh>
    <rPh sb="8" eb="10">
      <t>キサイ</t>
    </rPh>
    <phoneticPr fontId="24"/>
  </si>
  <si>
    <t>見積有効期限</t>
    <rPh sb="0" eb="2">
      <t>ミツモリ</t>
    </rPh>
    <rPh sb="2" eb="4">
      <t>ユウコウ</t>
    </rPh>
    <rPh sb="4" eb="6">
      <t>キゲン</t>
    </rPh>
    <phoneticPr fontId="12"/>
  </si>
  <si>
    <t>必要とする日数となっているか。</t>
    <rPh sb="0" eb="2">
      <t>ヒツヨウ</t>
    </rPh>
    <rPh sb="5" eb="7">
      <t>ニッスウ</t>
    </rPh>
    <phoneticPr fontId="24"/>
  </si>
  <si>
    <t>表紙</t>
    <rPh sb="0" eb="2">
      <t>ヒョウシ</t>
    </rPh>
    <phoneticPr fontId="24"/>
  </si>
  <si>
    <t>製造者記載事項</t>
    <rPh sb="0" eb="3">
      <t>セイゾウシャ</t>
    </rPh>
    <rPh sb="3" eb="5">
      <t>キサイ</t>
    </rPh>
    <rPh sb="5" eb="7">
      <t>ジコウ</t>
    </rPh>
    <phoneticPr fontId="24"/>
  </si>
  <si>
    <t>製造者記載事項から要求性能、電気容量、付属品等は満足しているかを確認したか。</t>
    <rPh sb="0" eb="3">
      <t>セイゾウシャ</t>
    </rPh>
    <rPh sb="3" eb="5">
      <t>キサイ</t>
    </rPh>
    <rPh sb="5" eb="7">
      <t>ジコウ</t>
    </rPh>
    <rPh sb="9" eb="11">
      <t>ヨウキュウ</t>
    </rPh>
    <rPh sb="11" eb="13">
      <t>セイノウ</t>
    </rPh>
    <rPh sb="14" eb="16">
      <t>デンキ</t>
    </rPh>
    <rPh sb="16" eb="18">
      <t>ヨウリョウ</t>
    </rPh>
    <rPh sb="19" eb="21">
      <t>フゾク</t>
    </rPh>
    <rPh sb="21" eb="22">
      <t>ヒン</t>
    </rPh>
    <rPh sb="22" eb="23">
      <t>ナド</t>
    </rPh>
    <rPh sb="24" eb="26">
      <t>マンゾク</t>
    </rPh>
    <rPh sb="32" eb="34">
      <t>カクニン</t>
    </rPh>
    <phoneticPr fontId="24"/>
  </si>
  <si>
    <t>製造者仕様</t>
    <rPh sb="0" eb="3">
      <t>セイゾウシャ</t>
    </rPh>
    <rPh sb="3" eb="5">
      <t>シヨウ</t>
    </rPh>
    <phoneticPr fontId="24"/>
  </si>
  <si>
    <t>電動機容量・燃料消費量等は記載数値以下になっているか確認したか。</t>
    <rPh sb="0" eb="3">
      <t>デンドウキ</t>
    </rPh>
    <rPh sb="3" eb="5">
      <t>ヨウリョウ</t>
    </rPh>
    <rPh sb="6" eb="8">
      <t>ネンリョウ</t>
    </rPh>
    <rPh sb="8" eb="11">
      <t>ショウヒリョウ</t>
    </rPh>
    <rPh sb="11" eb="12">
      <t>トウ</t>
    </rPh>
    <rPh sb="13" eb="15">
      <t>キサイ</t>
    </rPh>
    <rPh sb="15" eb="17">
      <t>スウチ</t>
    </rPh>
    <rPh sb="17" eb="19">
      <t>イカ</t>
    </rPh>
    <rPh sb="26" eb="28">
      <t>カクニン</t>
    </rPh>
    <phoneticPr fontId="12"/>
  </si>
  <si>
    <t>機器の性能、容量等は記載数値以上になっているか確認したか。</t>
    <rPh sb="0" eb="2">
      <t>キキ</t>
    </rPh>
    <rPh sb="3" eb="5">
      <t>セイノウ</t>
    </rPh>
    <rPh sb="6" eb="8">
      <t>ヨウリョウ</t>
    </rPh>
    <rPh sb="8" eb="9">
      <t>トウ</t>
    </rPh>
    <rPh sb="10" eb="12">
      <t>キサイ</t>
    </rPh>
    <rPh sb="12" eb="14">
      <t>スウチ</t>
    </rPh>
    <rPh sb="14" eb="16">
      <t>イジョウ</t>
    </rPh>
    <rPh sb="23" eb="25">
      <t>カクニン</t>
    </rPh>
    <phoneticPr fontId="12"/>
  </si>
  <si>
    <t>記載内容により、図面修正を検討したか。</t>
    <rPh sb="0" eb="2">
      <t>キサイ</t>
    </rPh>
    <rPh sb="2" eb="4">
      <t>ナイヨウ</t>
    </rPh>
    <rPh sb="8" eb="10">
      <t>ズメン</t>
    </rPh>
    <rPh sb="10" eb="12">
      <t>シュウセイ</t>
    </rPh>
    <rPh sb="13" eb="15">
      <t>ケントウ</t>
    </rPh>
    <phoneticPr fontId="12"/>
  </si>
  <si>
    <t>見積り条件に対する記載内容を確認し、採用・不採用を判断したか。</t>
    <rPh sb="0" eb="2">
      <t>ミツ</t>
    </rPh>
    <rPh sb="3" eb="5">
      <t>ジョウケン</t>
    </rPh>
    <rPh sb="6" eb="7">
      <t>タイ</t>
    </rPh>
    <rPh sb="9" eb="11">
      <t>キサイ</t>
    </rPh>
    <rPh sb="11" eb="13">
      <t>ナイヨウ</t>
    </rPh>
    <rPh sb="14" eb="16">
      <t>カクニン</t>
    </rPh>
    <rPh sb="18" eb="20">
      <t>サイヨウ</t>
    </rPh>
    <rPh sb="21" eb="24">
      <t>フサイヨウ</t>
    </rPh>
    <rPh sb="25" eb="27">
      <t>ハンダン</t>
    </rPh>
    <phoneticPr fontId="12"/>
  </si>
  <si>
    <t>金額欄</t>
    <rPh sb="0" eb="2">
      <t>キンガク</t>
    </rPh>
    <rPh sb="2" eb="3">
      <t>ラン</t>
    </rPh>
    <phoneticPr fontId="24"/>
  </si>
  <si>
    <t>本体価格・付属品等の各価格の記入に漏れはないか確認したか。</t>
    <rPh sb="0" eb="2">
      <t>ホンタイ</t>
    </rPh>
    <rPh sb="2" eb="4">
      <t>カカク</t>
    </rPh>
    <rPh sb="5" eb="8">
      <t>フゾクヒン</t>
    </rPh>
    <rPh sb="8" eb="9">
      <t>トウ</t>
    </rPh>
    <rPh sb="10" eb="11">
      <t>カク</t>
    </rPh>
    <rPh sb="11" eb="13">
      <t>カカク</t>
    </rPh>
    <rPh sb="14" eb="16">
      <t>キニュウ</t>
    </rPh>
    <rPh sb="17" eb="18">
      <t>モ</t>
    </rPh>
    <rPh sb="23" eb="25">
      <t>カクニン</t>
    </rPh>
    <phoneticPr fontId="12"/>
  </si>
  <si>
    <t>価格の計算に間違えはないか確認したか。</t>
    <rPh sb="0" eb="2">
      <t>カカク</t>
    </rPh>
    <rPh sb="3" eb="5">
      <t>ケイサン</t>
    </rPh>
    <rPh sb="6" eb="8">
      <t>マチガ</t>
    </rPh>
    <rPh sb="13" eb="15">
      <t>カクニン</t>
    </rPh>
    <phoneticPr fontId="12"/>
  </si>
  <si>
    <t>金額欄に、「付属品が本体価格に含まれているか」確認したか。</t>
    <phoneticPr fontId="24"/>
  </si>
  <si>
    <t>変更設計</t>
    <phoneticPr fontId="24"/>
  </si>
  <si>
    <t>見積収集</t>
    <rPh sb="0" eb="2">
      <t>ミツモ</t>
    </rPh>
    <rPh sb="2" eb="4">
      <t>シュウシュウ</t>
    </rPh>
    <phoneticPr fontId="24"/>
  </si>
  <si>
    <t>機器の仕様変更の見積りは、原設計時の見積採用の製造者、現場採用の製造者を含めて複数社からの収集としたか。</t>
    <rPh sb="0" eb="2">
      <t>キキ</t>
    </rPh>
    <rPh sb="3" eb="5">
      <t>シヨウ</t>
    </rPh>
    <rPh sb="5" eb="7">
      <t>ヘンコウ</t>
    </rPh>
    <rPh sb="8" eb="10">
      <t>ミツモ</t>
    </rPh>
    <rPh sb="13" eb="16">
      <t>ゲンセッケイ</t>
    </rPh>
    <rPh sb="16" eb="17">
      <t>ジ</t>
    </rPh>
    <rPh sb="18" eb="20">
      <t>ミツモリ</t>
    </rPh>
    <rPh sb="20" eb="22">
      <t>サイヨウ</t>
    </rPh>
    <rPh sb="23" eb="26">
      <t>セイゾウシャ</t>
    </rPh>
    <rPh sb="27" eb="29">
      <t>ゲンバ</t>
    </rPh>
    <rPh sb="29" eb="31">
      <t>サイヨウ</t>
    </rPh>
    <rPh sb="32" eb="35">
      <t>セイゾウシャ</t>
    </rPh>
    <rPh sb="36" eb="37">
      <t>フク</t>
    </rPh>
    <rPh sb="39" eb="42">
      <t>フクスウシャ</t>
    </rPh>
    <rPh sb="45" eb="47">
      <t>シュウシュウ</t>
    </rPh>
    <phoneticPr fontId="24"/>
  </si>
  <si>
    <t>一般機器</t>
    <phoneticPr fontId="24"/>
  </si>
  <si>
    <t>空調設備</t>
    <rPh sb="0" eb="2">
      <t>クウチョウ</t>
    </rPh>
    <rPh sb="2" eb="4">
      <t>セツビ</t>
    </rPh>
    <phoneticPr fontId="24"/>
  </si>
  <si>
    <t>パッケージ形空気調和機等（マルチ形含む）の予備品・付属品及び数量を確認したか。</t>
    <rPh sb="5" eb="6">
      <t>カタチ</t>
    </rPh>
    <rPh sb="6" eb="8">
      <t>クウキ</t>
    </rPh>
    <rPh sb="8" eb="10">
      <t>チョウワ</t>
    </rPh>
    <rPh sb="10" eb="11">
      <t>キ</t>
    </rPh>
    <rPh sb="11" eb="12">
      <t>トウ</t>
    </rPh>
    <rPh sb="16" eb="17">
      <t>カタ</t>
    </rPh>
    <rPh sb="17" eb="18">
      <t>フク</t>
    </rPh>
    <rPh sb="21" eb="22">
      <t>シナ</t>
    </rPh>
    <rPh sb="22" eb="23">
      <t>・</t>
    </rPh>
    <rPh sb="23" eb="25">
      <t>フゾク</t>
    </rPh>
    <rPh sb="25" eb="26">
      <t>ヒン</t>
    </rPh>
    <rPh sb="26" eb="28">
      <t>オヨビ</t>
    </rPh>
    <rPh sb="28" eb="31">
      <t>スウリョウヲ</t>
    </rPh>
    <rPh sb="31" eb="36">
      <t>カクニンシタカ</t>
    </rPh>
    <phoneticPr fontId="12"/>
  </si>
  <si>
    <t>パッケージ形空気調和機等（マルチ形含む）の冷媒管、渡り配線及びリモコン配線は見積対象外としたか。</t>
    <rPh sb="5" eb="6">
      <t>カタ</t>
    </rPh>
    <rPh sb="6" eb="8">
      <t>クウキ</t>
    </rPh>
    <rPh sb="8" eb="10">
      <t>チョウワ</t>
    </rPh>
    <rPh sb="10" eb="11">
      <t>キ</t>
    </rPh>
    <rPh sb="21" eb="23">
      <t>レイバイ</t>
    </rPh>
    <rPh sb="23" eb="24">
      <t>カン</t>
    </rPh>
    <rPh sb="25" eb="26">
      <t>ワタ</t>
    </rPh>
    <rPh sb="27" eb="29">
      <t>ハイセン</t>
    </rPh>
    <rPh sb="29" eb="30">
      <t>オヨ</t>
    </rPh>
    <rPh sb="35" eb="37">
      <t>ハイセン</t>
    </rPh>
    <rPh sb="38" eb="40">
      <t>ミツモリ</t>
    </rPh>
    <rPh sb="40" eb="43">
      <t>タイショウガイ</t>
    </rPh>
    <phoneticPr fontId="24"/>
  </si>
  <si>
    <t>パッケージ形空気調和機等（マルチ形含む）の冷媒管は最低価格製造者の配管径とし、単価は複合単価を計上したか。</t>
    <rPh sb="5" eb="6">
      <t>カタ</t>
    </rPh>
    <rPh sb="6" eb="8">
      <t>クウキ</t>
    </rPh>
    <rPh sb="8" eb="10">
      <t>チョウワ</t>
    </rPh>
    <rPh sb="10" eb="11">
      <t>キ</t>
    </rPh>
    <phoneticPr fontId="24"/>
  </si>
  <si>
    <t>配線類についても冷媒管と同様の計上としたか。</t>
    <rPh sb="0" eb="2">
      <t>ハイセン</t>
    </rPh>
    <rPh sb="2" eb="3">
      <t>ルイ</t>
    </rPh>
    <rPh sb="8" eb="10">
      <t>レイバイ</t>
    </rPh>
    <rPh sb="10" eb="11">
      <t>カン</t>
    </rPh>
    <rPh sb="12" eb="14">
      <t>ドウヨウ</t>
    </rPh>
    <rPh sb="15" eb="17">
      <t>ケイジョウ</t>
    </rPh>
    <phoneticPr fontId="24"/>
  </si>
  <si>
    <t>マルチパッケ－ジ形空気調和機等の付属品･予備品を系統毎の付属品１式としたか。
（フィルター、リモコンスイッチ）</t>
    <rPh sb="16" eb="19">
      <t>フゾクヒン</t>
    </rPh>
    <rPh sb="20" eb="22">
      <t>ヨビ</t>
    </rPh>
    <rPh sb="22" eb="23">
      <t>ヒン</t>
    </rPh>
    <rPh sb="24" eb="26">
      <t>ケイトウ</t>
    </rPh>
    <rPh sb="26" eb="27">
      <t>ゴト</t>
    </rPh>
    <rPh sb="28" eb="31">
      <t>フゾクヒン</t>
    </rPh>
    <rPh sb="32" eb="33">
      <t>シキ</t>
    </rPh>
    <phoneticPr fontId="12"/>
  </si>
  <si>
    <t>ＦＣＵの予備品・付属品及び数量を確認したか。</t>
    <rPh sb="4" eb="5">
      <t>ヨ</t>
    </rPh>
    <rPh sb="5" eb="7">
      <t>ビヒン</t>
    </rPh>
    <rPh sb="8" eb="11">
      <t>フゾクヒン</t>
    </rPh>
    <rPh sb="11" eb="12">
      <t>オヨ</t>
    </rPh>
    <rPh sb="13" eb="15">
      <t>スウリョウ</t>
    </rPh>
    <rPh sb="16" eb="18">
      <t>カクニン</t>
    </rPh>
    <phoneticPr fontId="12"/>
  </si>
  <si>
    <t>送風機類は製造業者から収集した見積書の内容が、下記の条件を満たしているか。</t>
    <rPh sb="0" eb="3">
      <t>ソウフウキ</t>
    </rPh>
    <rPh sb="3" eb="4">
      <t>ルイ</t>
    </rPh>
    <rPh sb="5" eb="8">
      <t>セイゾウギョウ</t>
    </rPh>
    <rPh sb="8" eb="9">
      <t>シャ</t>
    </rPh>
    <rPh sb="11" eb="13">
      <t>シュウシュウ</t>
    </rPh>
    <rPh sb="15" eb="17">
      <t>ミツモリ</t>
    </rPh>
    <rPh sb="17" eb="18">
      <t>ショ</t>
    </rPh>
    <rPh sb="19" eb="21">
      <t>ナイヨウ</t>
    </rPh>
    <rPh sb="23" eb="25">
      <t>カキ</t>
    </rPh>
    <rPh sb="26" eb="28">
      <t>ジョウケン</t>
    </rPh>
    <rPh sb="29" eb="30">
      <t>ミ</t>
    </rPh>
    <phoneticPr fontId="24"/>
  </si>
  <si>
    <t>（条件を満たしていない場合、不適とするか、又は設計図機器表の見直しを図ったか。）</t>
    <rPh sb="1" eb="3">
      <t>ジョウケン</t>
    </rPh>
    <rPh sb="4" eb="5">
      <t>ミ</t>
    </rPh>
    <rPh sb="11" eb="13">
      <t>バアイ</t>
    </rPh>
    <rPh sb="14" eb="16">
      <t>フテキ</t>
    </rPh>
    <rPh sb="21" eb="22">
      <t>マタ</t>
    </rPh>
    <rPh sb="23" eb="26">
      <t>セッケイズ</t>
    </rPh>
    <rPh sb="26" eb="28">
      <t>キキ</t>
    </rPh>
    <rPh sb="28" eb="29">
      <t>ヒョウ</t>
    </rPh>
    <rPh sb="30" eb="32">
      <t>ミナオ</t>
    </rPh>
    <rPh sb="34" eb="35">
      <t>ハカ</t>
    </rPh>
    <phoneticPr fontId="24"/>
  </si>
  <si>
    <t>　①極数　　　　　　　　機器表記載値以上</t>
    <rPh sb="2" eb="4">
      <t>キョクスウ</t>
    </rPh>
    <rPh sb="12" eb="14">
      <t>キキ</t>
    </rPh>
    <rPh sb="14" eb="15">
      <t>ヒョウ</t>
    </rPh>
    <rPh sb="15" eb="17">
      <t>キサイ</t>
    </rPh>
    <rPh sb="17" eb="18">
      <t>アタイ</t>
    </rPh>
    <rPh sb="18" eb="20">
      <t>イジョウ</t>
    </rPh>
    <rPh sb="19" eb="20">
      <t>ジョウ</t>
    </rPh>
    <phoneticPr fontId="24"/>
  </si>
  <si>
    <t>　②性能　　　　　　　　　　　　　”　　　以上</t>
    <rPh sb="2" eb="4">
      <t>セイノウ</t>
    </rPh>
    <rPh sb="21" eb="23">
      <t>イジョウ</t>
    </rPh>
    <phoneticPr fontId="24"/>
  </si>
  <si>
    <t>　③電気容量　　　　　　　　　　”　　　以下</t>
    <rPh sb="2" eb="4">
      <t>デンキ</t>
    </rPh>
    <rPh sb="4" eb="6">
      <t>ヨウリョウ</t>
    </rPh>
    <rPh sb="20" eb="22">
      <t>イカ</t>
    </rPh>
    <phoneticPr fontId="24"/>
  </si>
  <si>
    <t>煙道･大型機器等歩掛りに無い機器の据付費を見積りとしたか。</t>
    <rPh sb="0" eb="2">
      <t>エンドウ</t>
    </rPh>
    <rPh sb="3" eb="5">
      <t>オオガタ</t>
    </rPh>
    <rPh sb="5" eb="7">
      <t>キキ</t>
    </rPh>
    <rPh sb="7" eb="8">
      <t>トウ</t>
    </rPh>
    <rPh sb="8" eb="10">
      <t>ブガカ</t>
    </rPh>
    <rPh sb="12" eb="13">
      <t>ナ</t>
    </rPh>
    <rPh sb="14" eb="16">
      <t>キキ</t>
    </rPh>
    <rPh sb="17" eb="19">
      <t>スエツケ</t>
    </rPh>
    <rPh sb="19" eb="20">
      <t>ヒ</t>
    </rPh>
    <phoneticPr fontId="12"/>
  </si>
  <si>
    <t>煙道の仕様・形状を特記仕様書・設計図面により確認したか。</t>
    <rPh sb="0" eb="2">
      <t>エンドウ</t>
    </rPh>
    <rPh sb="3" eb="5">
      <t>シヨウ</t>
    </rPh>
    <rPh sb="6" eb="8">
      <t>ケイジョウ</t>
    </rPh>
    <rPh sb="9" eb="11">
      <t>トッキ</t>
    </rPh>
    <rPh sb="11" eb="14">
      <t>シヨウショ</t>
    </rPh>
    <rPh sb="15" eb="17">
      <t>セッケイ</t>
    </rPh>
    <rPh sb="17" eb="19">
      <t>ズメン</t>
    </rPh>
    <rPh sb="22" eb="24">
      <t>カクニン</t>
    </rPh>
    <phoneticPr fontId="12"/>
  </si>
  <si>
    <t>衛生器具設備</t>
    <rPh sb="0" eb="2">
      <t>エイセイ</t>
    </rPh>
    <rPh sb="2" eb="4">
      <t>キグ</t>
    </rPh>
    <rPh sb="4" eb="6">
      <t>セツビ</t>
    </rPh>
    <phoneticPr fontId="24"/>
  </si>
  <si>
    <t>単価は材料単価と市場単価（取付費）の複合単価としているか。</t>
    <rPh sb="18" eb="20">
      <t>フクゴウ</t>
    </rPh>
    <phoneticPr fontId="24"/>
  </si>
  <si>
    <t>大便器ユニット、小便器ユニット、洗面器ユニット、車いす対応トイレパック等は据付費も含めた製造者の見積りとしたか。</t>
    <rPh sb="24" eb="25">
      <t>クルマ</t>
    </rPh>
    <rPh sb="27" eb="29">
      <t>タイオウ</t>
    </rPh>
    <rPh sb="35" eb="36">
      <t>ナド</t>
    </rPh>
    <rPh sb="37" eb="39">
      <t>スエツケ</t>
    </rPh>
    <rPh sb="39" eb="40">
      <t>ヒ</t>
    </rPh>
    <phoneticPr fontId="24"/>
  </si>
  <si>
    <t>給水設備</t>
    <phoneticPr fontId="24"/>
  </si>
  <si>
    <t>パネルタンクの据付費を見積りとしたか。</t>
    <rPh sb="7" eb="9">
      <t>スエツケ</t>
    </rPh>
    <rPh sb="9" eb="10">
      <t>ヒ</t>
    </rPh>
    <phoneticPr fontId="12"/>
  </si>
  <si>
    <t>ポンプは製造業者から収集した見積書の内容が、下記の条件を満たしているか。</t>
    <rPh sb="4" eb="7">
      <t>セイゾウギョウ</t>
    </rPh>
    <rPh sb="7" eb="8">
      <t>シャ</t>
    </rPh>
    <rPh sb="10" eb="12">
      <t>シュウシュウ</t>
    </rPh>
    <rPh sb="14" eb="16">
      <t>ミツモリ</t>
    </rPh>
    <rPh sb="16" eb="17">
      <t>ショ</t>
    </rPh>
    <rPh sb="18" eb="20">
      <t>ナイヨウ</t>
    </rPh>
    <rPh sb="22" eb="24">
      <t>カキ</t>
    </rPh>
    <rPh sb="25" eb="27">
      <t>ジョウケン</t>
    </rPh>
    <rPh sb="28" eb="29">
      <t>ミ</t>
    </rPh>
    <phoneticPr fontId="24"/>
  </si>
  <si>
    <t>給湯設備</t>
    <rPh sb="0" eb="2">
      <t>キュウトウ</t>
    </rPh>
    <rPh sb="2" eb="4">
      <t>セツビ</t>
    </rPh>
    <phoneticPr fontId="24"/>
  </si>
  <si>
    <t>ボイラー、ポンプ、タンクなどの機器価格は、付属品を含めて製造者の見積りとしているか。</t>
    <rPh sb="15" eb="17">
      <t>キキ</t>
    </rPh>
    <rPh sb="17" eb="19">
      <t>カカク</t>
    </rPh>
    <rPh sb="21" eb="24">
      <t>フゾクヒン</t>
    </rPh>
    <rPh sb="25" eb="26">
      <t>フク</t>
    </rPh>
    <rPh sb="28" eb="31">
      <t>セイゾウシャ</t>
    </rPh>
    <phoneticPr fontId="13"/>
  </si>
  <si>
    <t>煙道の据付費を見積りとしたか。</t>
    <rPh sb="0" eb="2">
      <t>エンドウ</t>
    </rPh>
    <rPh sb="3" eb="5">
      <t>スエツケ</t>
    </rPh>
    <rPh sb="5" eb="6">
      <t>ヒ</t>
    </rPh>
    <phoneticPr fontId="12"/>
  </si>
  <si>
    <t>撤去工事</t>
    <rPh sb="0" eb="2">
      <t>テッキョ</t>
    </rPh>
    <rPh sb="2" eb="4">
      <t>コウジ</t>
    </rPh>
    <phoneticPr fontId="24"/>
  </si>
  <si>
    <t>冷凍機などの機器の撤去は、単体で搬出できない場合は分割搬出費を見積りとしたか。</t>
    <rPh sb="0" eb="3">
      <t>レイトウキ</t>
    </rPh>
    <rPh sb="6" eb="8">
      <t>キキ</t>
    </rPh>
    <rPh sb="9" eb="11">
      <t>テッキョ</t>
    </rPh>
    <rPh sb="13" eb="15">
      <t>タンタイ</t>
    </rPh>
    <rPh sb="16" eb="18">
      <t>ハンシュツ</t>
    </rPh>
    <rPh sb="22" eb="24">
      <t>バアイ</t>
    </rPh>
    <rPh sb="25" eb="27">
      <t>ブンカツ</t>
    </rPh>
    <rPh sb="27" eb="29">
      <t>ハンシュツ</t>
    </rPh>
    <rPh sb="29" eb="30">
      <t>ヒ</t>
    </rPh>
    <rPh sb="31" eb="33">
      <t>ミツモ</t>
    </rPh>
    <phoneticPr fontId="24"/>
  </si>
  <si>
    <t>冷凍機、パッケージ形空気調和機等は冷媒液、オイルなどの抜取り費・破壊（処分）費を見積りとしたか。</t>
    <rPh sb="0" eb="3">
      <t>レイトウキ</t>
    </rPh>
    <rPh sb="9" eb="10">
      <t>カタ</t>
    </rPh>
    <rPh sb="10" eb="12">
      <t>クウキ</t>
    </rPh>
    <rPh sb="12" eb="14">
      <t>チョウワ</t>
    </rPh>
    <rPh sb="14" eb="15">
      <t>キ</t>
    </rPh>
    <rPh sb="15" eb="16">
      <t>ナド</t>
    </rPh>
    <rPh sb="17" eb="19">
      <t>レイバイ</t>
    </rPh>
    <rPh sb="19" eb="20">
      <t>エキ</t>
    </rPh>
    <rPh sb="27" eb="29">
      <t>ヌキトリ</t>
    </rPh>
    <rPh sb="30" eb="31">
      <t>ヒ</t>
    </rPh>
    <rPh sb="32" eb="34">
      <t>ハカイ</t>
    </rPh>
    <rPh sb="35" eb="37">
      <t>ショブン</t>
    </rPh>
    <rPh sb="38" eb="39">
      <t>ヒ</t>
    </rPh>
    <phoneticPr fontId="24"/>
  </si>
  <si>
    <t>冷温水発生機の臭化リチウムの抜取り費・破壊（処分）費を見積りとしたか。</t>
    <rPh sb="0" eb="1">
      <t>レイ</t>
    </rPh>
    <rPh sb="1" eb="3">
      <t>オンスイ</t>
    </rPh>
    <rPh sb="3" eb="6">
      <t>ハッセイキ</t>
    </rPh>
    <rPh sb="7" eb="9">
      <t>シュウカ</t>
    </rPh>
    <rPh sb="14" eb="16">
      <t>ヌキトリ</t>
    </rPh>
    <rPh sb="17" eb="18">
      <t>ヒ</t>
    </rPh>
    <rPh sb="19" eb="21">
      <t>ハカイ</t>
    </rPh>
    <rPh sb="22" eb="24">
      <t>ショブン</t>
    </rPh>
    <rPh sb="25" eb="26">
      <t>ヒ</t>
    </rPh>
    <rPh sb="27" eb="29">
      <t>ミツモ</t>
    </rPh>
    <phoneticPr fontId="24"/>
  </si>
  <si>
    <t>家電リサイクル法対象機器は原則として管理官署に引き渡すため、「取外し」の費用のみ計上するが、リサイクル処理を工事で行うと図面などに特記された場合は、その地区のリサイクル費・運搬費による計上としたか。</t>
    <rPh sb="0" eb="2">
      <t>カデン</t>
    </rPh>
    <rPh sb="7" eb="8">
      <t>ホウ</t>
    </rPh>
    <rPh sb="8" eb="10">
      <t>タイショウ</t>
    </rPh>
    <rPh sb="10" eb="12">
      <t>キキ</t>
    </rPh>
    <rPh sb="13" eb="15">
      <t>ゲンソク</t>
    </rPh>
    <rPh sb="18" eb="20">
      <t>カンリ</t>
    </rPh>
    <rPh sb="20" eb="22">
      <t>カンショ</t>
    </rPh>
    <rPh sb="23" eb="24">
      <t>ヒ</t>
    </rPh>
    <rPh sb="25" eb="26">
      <t>ワタ</t>
    </rPh>
    <rPh sb="31" eb="33">
      <t>トリハズ</t>
    </rPh>
    <rPh sb="36" eb="38">
      <t>ヒヨウ</t>
    </rPh>
    <rPh sb="40" eb="42">
      <t>ケイジョウ</t>
    </rPh>
    <rPh sb="51" eb="53">
      <t>ショリ</t>
    </rPh>
    <rPh sb="54" eb="56">
      <t>コウジ</t>
    </rPh>
    <rPh sb="57" eb="58">
      <t>オコナ</t>
    </rPh>
    <rPh sb="60" eb="62">
      <t>ズメン</t>
    </rPh>
    <rPh sb="65" eb="67">
      <t>トッキ</t>
    </rPh>
    <rPh sb="70" eb="72">
      <t>バアイ</t>
    </rPh>
    <rPh sb="76" eb="78">
      <t>チク</t>
    </rPh>
    <rPh sb="84" eb="85">
      <t>ヒ</t>
    </rPh>
    <rPh sb="86" eb="88">
      <t>ウンパン</t>
    </rPh>
    <rPh sb="88" eb="89">
      <t>ヒ</t>
    </rPh>
    <rPh sb="92" eb="94">
      <t>ケイジョウ</t>
    </rPh>
    <phoneticPr fontId="24"/>
  </si>
  <si>
    <t>専門工事</t>
    <phoneticPr fontId="24"/>
  </si>
  <si>
    <t>共通</t>
    <rPh sb="0" eb="2">
      <t>キョウツウ</t>
    </rPh>
    <phoneticPr fontId="24"/>
  </si>
  <si>
    <t>特記仕様等と設計図書を確認したか。</t>
    <rPh sb="0" eb="4">
      <t>トッキシヨウ</t>
    </rPh>
    <rPh sb="4" eb="5">
      <t>トウ</t>
    </rPh>
    <rPh sb="6" eb="8">
      <t>セッケイ</t>
    </rPh>
    <rPh sb="8" eb="10">
      <t>トショ</t>
    </rPh>
    <rPh sb="11" eb="13">
      <t>カクニン</t>
    </rPh>
    <phoneticPr fontId="13"/>
  </si>
  <si>
    <t>専門工事業者の見積による場合は、専門工事業者の諸経費及び法定福利費を計上したか。</t>
    <rPh sb="0" eb="4">
      <t>センモンコウジ</t>
    </rPh>
    <rPh sb="4" eb="6">
      <t>ギョウシャ</t>
    </rPh>
    <rPh sb="7" eb="9">
      <t>ミツモリ</t>
    </rPh>
    <rPh sb="12" eb="14">
      <t>バアイ</t>
    </rPh>
    <rPh sb="16" eb="18">
      <t>センモン</t>
    </rPh>
    <rPh sb="18" eb="20">
      <t>コウジ</t>
    </rPh>
    <rPh sb="20" eb="22">
      <t>ギョウシャ</t>
    </rPh>
    <rPh sb="23" eb="26">
      <t>ショケイヒ</t>
    </rPh>
    <rPh sb="26" eb="27">
      <t>オヨ</t>
    </rPh>
    <rPh sb="34" eb="36">
      <t>ケイジョウ</t>
    </rPh>
    <phoneticPr fontId="12"/>
  </si>
  <si>
    <t>都市ガス・自動制御等で建物ごと・屋外等の区分けが必要な場合は、依頼のとおり区分けがされているか確認したか。（複数棟ある場合は棟ごと・屋外に分ける。改修と撤去は分ける。等）</t>
    <rPh sb="11" eb="13">
      <t>タテモノ</t>
    </rPh>
    <rPh sb="16" eb="18">
      <t>オクガイ</t>
    </rPh>
    <rPh sb="18" eb="19">
      <t>トウ</t>
    </rPh>
    <rPh sb="20" eb="22">
      <t>クワ</t>
    </rPh>
    <rPh sb="24" eb="26">
      <t>ヒツヨウ</t>
    </rPh>
    <rPh sb="27" eb="29">
      <t>バアイ</t>
    </rPh>
    <rPh sb="31" eb="33">
      <t>イライ</t>
    </rPh>
    <rPh sb="37" eb="39">
      <t>クワ</t>
    </rPh>
    <rPh sb="47" eb="49">
      <t>カクニン</t>
    </rPh>
    <rPh sb="54" eb="57">
      <t>フクスウトウ</t>
    </rPh>
    <rPh sb="59" eb="61">
      <t>バアイ</t>
    </rPh>
    <rPh sb="62" eb="63">
      <t>トウ</t>
    </rPh>
    <rPh sb="66" eb="68">
      <t>オクガイ</t>
    </rPh>
    <rPh sb="69" eb="70">
      <t>ワ</t>
    </rPh>
    <rPh sb="73" eb="75">
      <t>カイシュウ</t>
    </rPh>
    <phoneticPr fontId="12"/>
  </si>
  <si>
    <t>給水引込工事</t>
    <rPh sb="0" eb="2">
      <t>キュウスイ</t>
    </rPh>
    <rPh sb="2" eb="4">
      <t>ヒキコミ</t>
    </rPh>
    <phoneticPr fontId="24"/>
  </si>
  <si>
    <t>指定工事店から見積りを収集したか。</t>
    <rPh sb="0" eb="2">
      <t>シテイ</t>
    </rPh>
    <rPh sb="2" eb="4">
      <t>コウジ</t>
    </rPh>
    <rPh sb="4" eb="5">
      <t>テン</t>
    </rPh>
    <rPh sb="7" eb="9">
      <t>ミツモ</t>
    </rPh>
    <rPh sb="11" eb="13">
      <t>シュウシュウ</t>
    </rPh>
    <phoneticPr fontId="24"/>
  </si>
  <si>
    <t>下水道接続工事</t>
    <rPh sb="0" eb="3">
      <t>ゲスイドウ</t>
    </rPh>
    <rPh sb="3" eb="5">
      <t>セツゾク</t>
    </rPh>
    <rPh sb="5" eb="7">
      <t>コウジ</t>
    </rPh>
    <phoneticPr fontId="24"/>
  </si>
  <si>
    <t>自動制御設備</t>
    <rPh sb="0" eb="2">
      <t>ジドウ</t>
    </rPh>
    <rPh sb="2" eb="4">
      <t>セイギョ</t>
    </rPh>
    <rPh sb="4" eb="6">
      <t>セツビ</t>
    </rPh>
    <phoneticPr fontId="24"/>
  </si>
  <si>
    <t>専門工事業者の見積りとしたか。</t>
    <rPh sb="0" eb="4">
      <t>センモンコウジ</t>
    </rPh>
    <rPh sb="4" eb="6">
      <t>ギョウシャ</t>
    </rPh>
    <phoneticPr fontId="12"/>
  </si>
  <si>
    <t>消火設備</t>
    <rPh sb="0" eb="2">
      <t>ショウカ</t>
    </rPh>
    <rPh sb="2" eb="4">
      <t>セツビ</t>
    </rPh>
    <phoneticPr fontId="24"/>
  </si>
  <si>
    <t>複数の消火システムが存在する工事は、原則としてシステムごとに安価な専門工事業者の見積価格等を参考にしたか。</t>
    <phoneticPr fontId="24"/>
  </si>
  <si>
    <t>都市ガス工事</t>
    <phoneticPr fontId="24"/>
  </si>
  <si>
    <t>ガス事業者の見積りとしたか。</t>
    <rPh sb="2" eb="5">
      <t>ジギョウシャ</t>
    </rPh>
    <rPh sb="6" eb="8">
      <t>ミツ</t>
    </rPh>
    <phoneticPr fontId="13"/>
  </si>
  <si>
    <t>複数棟の場合は経費も含め、棟ごとに区分けがされているか確認したか。</t>
    <rPh sb="0" eb="2">
      <t>フクスウ</t>
    </rPh>
    <rPh sb="2" eb="3">
      <t>ムネ</t>
    </rPh>
    <rPh sb="4" eb="6">
      <t>バアイ</t>
    </rPh>
    <rPh sb="7" eb="9">
      <t>ケイヒ</t>
    </rPh>
    <rPh sb="10" eb="11">
      <t>フク</t>
    </rPh>
    <rPh sb="13" eb="14">
      <t>ムネ</t>
    </rPh>
    <rPh sb="17" eb="19">
      <t>クワ</t>
    </rPh>
    <rPh sb="27" eb="29">
      <t>カクニン</t>
    </rPh>
    <phoneticPr fontId="12"/>
  </si>
  <si>
    <t>見積り（及びアイソメ図）と図面に記載された配管口径、施工範囲などが一致しているか確認したか。</t>
    <rPh sb="0" eb="2">
      <t>ミツ</t>
    </rPh>
    <rPh sb="4" eb="5">
      <t>オヨ</t>
    </rPh>
    <rPh sb="10" eb="11">
      <t>ズ</t>
    </rPh>
    <rPh sb="13" eb="15">
      <t>ズメン</t>
    </rPh>
    <rPh sb="16" eb="18">
      <t>キサイ</t>
    </rPh>
    <rPh sb="21" eb="23">
      <t>ハイカン</t>
    </rPh>
    <rPh sb="23" eb="25">
      <t>コウケイ</t>
    </rPh>
    <rPh sb="26" eb="28">
      <t>セコウ</t>
    </rPh>
    <rPh sb="28" eb="30">
      <t>ハンイ</t>
    </rPh>
    <rPh sb="33" eb="35">
      <t>イッチ</t>
    </rPh>
    <rPh sb="40" eb="42">
      <t>カクニン</t>
    </rPh>
    <phoneticPr fontId="13"/>
  </si>
  <si>
    <t>改修工事で撤去工事を専門工事の見積に含める場合は、改設費の見積りと撤去費とを仕分けてもらっているか。</t>
    <rPh sb="0" eb="2">
      <t>カイシュウ</t>
    </rPh>
    <rPh sb="2" eb="4">
      <t>コウジ</t>
    </rPh>
    <rPh sb="5" eb="7">
      <t>テッキョ</t>
    </rPh>
    <rPh sb="7" eb="9">
      <t>コウジ</t>
    </rPh>
    <rPh sb="10" eb="12">
      <t>センモン</t>
    </rPh>
    <rPh sb="12" eb="14">
      <t>コウジ</t>
    </rPh>
    <rPh sb="15" eb="17">
      <t>ミツモリ</t>
    </rPh>
    <rPh sb="18" eb="19">
      <t>フク</t>
    </rPh>
    <rPh sb="21" eb="23">
      <t>バアイ</t>
    </rPh>
    <rPh sb="25" eb="27">
      <t>カイセツ</t>
    </rPh>
    <rPh sb="27" eb="28">
      <t>ヒ</t>
    </rPh>
    <rPh sb="29" eb="31">
      <t>ミツモリ</t>
    </rPh>
    <rPh sb="33" eb="35">
      <t>テッキョ</t>
    </rPh>
    <rPh sb="35" eb="36">
      <t>ヒ</t>
    </rPh>
    <rPh sb="38" eb="40">
      <t>シワ</t>
    </rPh>
    <phoneticPr fontId="24"/>
  </si>
  <si>
    <t>アスベスト含有保温材等の除去（レベル２）</t>
    <phoneticPr fontId="24"/>
  </si>
  <si>
    <t>専門工事業者の見積りとしたか。</t>
    <phoneticPr fontId="24"/>
  </si>
  <si>
    <t>レベル１相当の仮設が必要となる場合もあるため、設計図書を確認し、必要な項目が含まれた見積りを依頼したか。</t>
    <phoneticPr fontId="24"/>
  </si>
  <si>
    <t>アスベスト含有保温材等の処分</t>
    <phoneticPr fontId="24"/>
  </si>
  <si>
    <t>見積比較書</t>
    <phoneticPr fontId="24"/>
  </si>
  <si>
    <t>記載内容</t>
    <phoneticPr fontId="24"/>
  </si>
  <si>
    <t>見積比較は、原則として同一機器を対象としたか。</t>
    <rPh sb="0" eb="2">
      <t>ミツモリ</t>
    </rPh>
    <rPh sb="2" eb="4">
      <t>ヒカク</t>
    </rPh>
    <rPh sb="6" eb="8">
      <t>ゲンソク</t>
    </rPh>
    <rPh sb="11" eb="13">
      <t>ドウイツ</t>
    </rPh>
    <rPh sb="13" eb="15">
      <t>キキ</t>
    </rPh>
    <rPh sb="16" eb="18">
      <t>タイショウ</t>
    </rPh>
    <phoneticPr fontId="24"/>
  </si>
  <si>
    <t>制気口類、ダンパー類、排煙口等は単価見積りとしたか。</t>
    <rPh sb="0" eb="1">
      <t>セイ</t>
    </rPh>
    <rPh sb="1" eb="2">
      <t>キ</t>
    </rPh>
    <rPh sb="2" eb="3">
      <t>グチ</t>
    </rPh>
    <rPh sb="3" eb="4">
      <t>ルイ</t>
    </rPh>
    <rPh sb="9" eb="10">
      <t>ルイ</t>
    </rPh>
    <rPh sb="11" eb="13">
      <t>ハイエン</t>
    </rPh>
    <rPh sb="13" eb="14">
      <t>コウ</t>
    </rPh>
    <rPh sb="14" eb="15">
      <t>トウ</t>
    </rPh>
    <rPh sb="16" eb="18">
      <t>タンカ</t>
    </rPh>
    <rPh sb="18" eb="20">
      <t>ミツモ</t>
    </rPh>
    <phoneticPr fontId="24"/>
  </si>
  <si>
    <t>見積比較の際、図面仕様への適否について正しく判断されているか確認したか。</t>
    <rPh sb="0" eb="2">
      <t>ミツモリ</t>
    </rPh>
    <rPh sb="2" eb="4">
      <t>ヒカク</t>
    </rPh>
    <rPh sb="5" eb="6">
      <t>サイ</t>
    </rPh>
    <rPh sb="7" eb="9">
      <t>ズメン</t>
    </rPh>
    <rPh sb="9" eb="11">
      <t>シヨウ</t>
    </rPh>
    <rPh sb="13" eb="15">
      <t>テキヒ</t>
    </rPh>
    <rPh sb="19" eb="20">
      <t>タダ</t>
    </rPh>
    <rPh sb="22" eb="24">
      <t>ハンダン</t>
    </rPh>
    <rPh sb="30" eb="32">
      <t>カクニン</t>
    </rPh>
    <phoneticPr fontId="24"/>
  </si>
  <si>
    <t>機器仕様の数値は、電動機出力、燃料消費、圧力損失を除き以上表示である点に注意し、適合しない場合は不適としたか。</t>
    <rPh sb="0" eb="2">
      <t>キキ</t>
    </rPh>
    <rPh sb="2" eb="4">
      <t>シヨウ</t>
    </rPh>
    <rPh sb="5" eb="7">
      <t>スウチ</t>
    </rPh>
    <rPh sb="9" eb="12">
      <t>デンドウキ</t>
    </rPh>
    <rPh sb="12" eb="14">
      <t>シュツリョク</t>
    </rPh>
    <rPh sb="15" eb="17">
      <t>ネンリョウ</t>
    </rPh>
    <rPh sb="17" eb="19">
      <t>ショウヒ</t>
    </rPh>
    <rPh sb="20" eb="22">
      <t>アツリョク</t>
    </rPh>
    <rPh sb="22" eb="24">
      <t>ソンシツ</t>
    </rPh>
    <rPh sb="25" eb="26">
      <t>ノゾ</t>
    </rPh>
    <rPh sb="27" eb="29">
      <t>イジョウ</t>
    </rPh>
    <rPh sb="29" eb="31">
      <t>ヒョウジ</t>
    </rPh>
    <rPh sb="34" eb="35">
      <t>テン</t>
    </rPh>
    <rPh sb="36" eb="38">
      <t>チュウイ</t>
    </rPh>
    <rPh sb="40" eb="42">
      <t>テキゴウ</t>
    </rPh>
    <rPh sb="45" eb="47">
      <t>バアイ</t>
    </rPh>
    <rPh sb="48" eb="50">
      <t>フテキ</t>
    </rPh>
    <phoneticPr fontId="24"/>
  </si>
  <si>
    <t>適合メーカーが極端に少ない場合、図面仕様に問題がないか確認したか。</t>
    <rPh sb="0" eb="2">
      <t>テキゴウ</t>
    </rPh>
    <rPh sb="7" eb="9">
      <t>キョクタン</t>
    </rPh>
    <rPh sb="10" eb="11">
      <t>スク</t>
    </rPh>
    <rPh sb="13" eb="15">
      <t>バアイ</t>
    </rPh>
    <rPh sb="16" eb="18">
      <t>ズメン</t>
    </rPh>
    <rPh sb="18" eb="20">
      <t>シヨウ</t>
    </rPh>
    <rPh sb="21" eb="23">
      <t>モンダイ</t>
    </rPh>
    <rPh sb="27" eb="29">
      <t>カクニン</t>
    </rPh>
    <phoneticPr fontId="24"/>
  </si>
  <si>
    <t>見積比較表は1枚の比較表で完結したものを作成したか。</t>
    <rPh sb="0" eb="2">
      <t>ミツモリ</t>
    </rPh>
    <rPh sb="2" eb="4">
      <t>ヒカク</t>
    </rPh>
    <rPh sb="4" eb="5">
      <t>ヒョウ</t>
    </rPh>
    <rPh sb="7" eb="8">
      <t>マイ</t>
    </rPh>
    <rPh sb="9" eb="11">
      <t>ヒカク</t>
    </rPh>
    <rPh sb="11" eb="12">
      <t>ヒョウ</t>
    </rPh>
    <rPh sb="13" eb="15">
      <t>カンケツ</t>
    </rPh>
    <rPh sb="20" eb="22">
      <t>サクセイ</t>
    </rPh>
    <phoneticPr fontId="24"/>
  </si>
  <si>
    <t>見積書からの転記等のチェックを行ったか。</t>
    <phoneticPr fontId="24"/>
  </si>
  <si>
    <t>消費税を除いた金額であるか。</t>
    <phoneticPr fontId="24"/>
  </si>
  <si>
    <t>金額</t>
    <phoneticPr fontId="24"/>
  </si>
  <si>
    <t>見積金額にバラつきがある場合には、専門工事業者等に内容等のヒアリングを行ったか。</t>
    <phoneticPr fontId="24"/>
  </si>
  <si>
    <t>単価等設定チェックリスト</t>
    <phoneticPr fontId="13"/>
  </si>
  <si>
    <r>
      <t>２．適用の設計図書</t>
    </r>
    <r>
      <rPr>
        <b/>
        <vertAlign val="superscript"/>
        <sz val="8"/>
        <rFont val="ＭＳ ゴシック"/>
        <family val="3"/>
        <charset val="128"/>
      </rPr>
      <t>※1</t>
    </r>
    <r>
      <rPr>
        <b/>
        <sz val="8"/>
        <rFont val="ＭＳ ゴシック"/>
        <family val="3"/>
        <charset val="128"/>
      </rPr>
      <t>の確認</t>
    </r>
    <rPh sb="2" eb="4">
      <t>テキヨウ</t>
    </rPh>
    <rPh sb="5" eb="7">
      <t>セッケイ</t>
    </rPh>
    <rPh sb="7" eb="9">
      <t>トショ</t>
    </rPh>
    <rPh sb="12" eb="14">
      <t>カクニン</t>
    </rPh>
    <phoneticPr fontId="28"/>
  </si>
  <si>
    <t>工事名</t>
    <phoneticPr fontId="28"/>
  </si>
  <si>
    <t>工事名を確認したか。</t>
    <rPh sb="4" eb="6">
      <t>カクニン</t>
    </rPh>
    <phoneticPr fontId="28"/>
  </si>
  <si>
    <t>工事場所</t>
    <rPh sb="0" eb="2">
      <t>コウジ</t>
    </rPh>
    <rPh sb="2" eb="4">
      <t>バショ</t>
    </rPh>
    <phoneticPr fontId="28"/>
  </si>
  <si>
    <t>工事場所を確認したか。</t>
    <rPh sb="0" eb="2">
      <t>コウジ</t>
    </rPh>
    <rPh sb="2" eb="4">
      <t>バショ</t>
    </rPh>
    <rPh sb="5" eb="7">
      <t>カクニン</t>
    </rPh>
    <phoneticPr fontId="28"/>
  </si>
  <si>
    <t>単価使用区分</t>
    <rPh sb="0" eb="2">
      <t>タンカ</t>
    </rPh>
    <rPh sb="2" eb="4">
      <t>シヨウ</t>
    </rPh>
    <rPh sb="4" eb="6">
      <t>クブン</t>
    </rPh>
    <phoneticPr fontId="28"/>
  </si>
  <si>
    <t>使用単価を確認したか。</t>
    <rPh sb="0" eb="2">
      <t>シヨウ</t>
    </rPh>
    <rPh sb="2" eb="4">
      <t>タンカ</t>
    </rPh>
    <rPh sb="5" eb="7">
      <t>カクニン</t>
    </rPh>
    <phoneticPr fontId="28"/>
  </si>
  <si>
    <t>　・新営単価　　　　　　　　　　　　　　　　　　　　　　　　　建物名：</t>
    <rPh sb="2" eb="4">
      <t>シンエイ</t>
    </rPh>
    <rPh sb="4" eb="6">
      <t>タンカ</t>
    </rPh>
    <rPh sb="31" eb="33">
      <t>タテモノ</t>
    </rPh>
    <rPh sb="33" eb="34">
      <t>メイ</t>
    </rPh>
    <phoneticPr fontId="28"/>
  </si>
  <si>
    <t>　・改修単価（基準単価）　　　　　　全館無人改修　　建物名：</t>
    <rPh sb="2" eb="4">
      <t>カイシュウ</t>
    </rPh>
    <rPh sb="4" eb="6">
      <t>タンカ</t>
    </rPh>
    <rPh sb="7" eb="9">
      <t>キジュン</t>
    </rPh>
    <rPh sb="9" eb="11">
      <t>タンカ</t>
    </rPh>
    <rPh sb="18" eb="20">
      <t>ゼンカン</t>
    </rPh>
    <rPh sb="20" eb="22">
      <t>ムジン</t>
    </rPh>
    <rPh sb="22" eb="24">
      <t>カイシュウ</t>
    </rPh>
    <rPh sb="26" eb="28">
      <t>タテモノ</t>
    </rPh>
    <rPh sb="28" eb="29">
      <t>メイ</t>
    </rPh>
    <phoneticPr fontId="28"/>
  </si>
  <si>
    <t>　・改修単価（基準補正単価）　　　執務並行改修　　建物名：</t>
    <rPh sb="2" eb="4">
      <t>カイシュウ</t>
    </rPh>
    <rPh sb="4" eb="6">
      <t>タンカ</t>
    </rPh>
    <rPh sb="7" eb="9">
      <t>キジュン</t>
    </rPh>
    <rPh sb="9" eb="11">
      <t>ホセイ</t>
    </rPh>
    <rPh sb="11" eb="13">
      <t>タンカ</t>
    </rPh>
    <rPh sb="17" eb="19">
      <t>シツム</t>
    </rPh>
    <rPh sb="19" eb="21">
      <t>ヘイコウ</t>
    </rPh>
    <rPh sb="21" eb="23">
      <t>カイシュウ</t>
    </rPh>
    <rPh sb="25" eb="27">
      <t>タテモノ</t>
    </rPh>
    <rPh sb="27" eb="28">
      <t>メイ</t>
    </rPh>
    <phoneticPr fontId="28"/>
  </si>
  <si>
    <t>工事種目</t>
  </si>
  <si>
    <t>工事種目を確認したか。</t>
  </si>
  <si>
    <t>建物及び工事種目ごとに数量の拾い分けをしたか。</t>
    <rPh sb="2" eb="3">
      <t>オヨ</t>
    </rPh>
    <rPh sb="4" eb="6">
      <t>コウジ</t>
    </rPh>
    <rPh sb="6" eb="8">
      <t>シュモク</t>
    </rPh>
    <rPh sb="14" eb="15">
      <t>ヒロ</t>
    </rPh>
    <rPh sb="16" eb="17">
      <t>ワ</t>
    </rPh>
    <phoneticPr fontId="28"/>
  </si>
  <si>
    <t>工期</t>
    <rPh sb="0" eb="2">
      <t>コウキ</t>
    </rPh>
    <phoneticPr fontId="24"/>
  </si>
  <si>
    <t>工期を確認したか。また、工期の始期が設定されている場合は始期も確認したか。</t>
    <rPh sb="0" eb="2">
      <t>コウキ</t>
    </rPh>
    <rPh sb="3" eb="5">
      <t>カクニン</t>
    </rPh>
    <rPh sb="12" eb="14">
      <t>コウキ</t>
    </rPh>
    <rPh sb="15" eb="17">
      <t>シキ</t>
    </rPh>
    <rPh sb="18" eb="20">
      <t>セッテイ</t>
    </rPh>
    <rPh sb="25" eb="27">
      <t>バアイ</t>
    </rPh>
    <rPh sb="28" eb="30">
      <t>シキ</t>
    </rPh>
    <rPh sb="31" eb="33">
      <t>カクニン</t>
    </rPh>
    <phoneticPr fontId="24"/>
  </si>
  <si>
    <t>指定部分</t>
    <rPh sb="0" eb="2">
      <t>シテイ</t>
    </rPh>
    <rPh sb="2" eb="4">
      <t>ブブン</t>
    </rPh>
    <phoneticPr fontId="28"/>
  </si>
  <si>
    <t>指定部分の有無を確認したか。</t>
    <rPh sb="0" eb="2">
      <t>シテイ</t>
    </rPh>
    <rPh sb="2" eb="4">
      <t>ブブン</t>
    </rPh>
    <rPh sb="5" eb="7">
      <t>ウム</t>
    </rPh>
    <rPh sb="8" eb="10">
      <t>カクニン</t>
    </rPh>
    <phoneticPr fontId="28"/>
  </si>
  <si>
    <t>　・無し</t>
    <rPh sb="2" eb="3">
      <t>ナ</t>
    </rPh>
    <phoneticPr fontId="28"/>
  </si>
  <si>
    <t>　　　　　　範囲：</t>
    <rPh sb="6" eb="8">
      <t>ハンイ</t>
    </rPh>
    <phoneticPr fontId="28"/>
  </si>
  <si>
    <t>予算区分</t>
    <rPh sb="0" eb="2">
      <t>ヨサン</t>
    </rPh>
    <rPh sb="2" eb="4">
      <t>クブン</t>
    </rPh>
    <phoneticPr fontId="28"/>
  </si>
  <si>
    <t>予算の区分による拾い分けが必要か確認したか。</t>
    <rPh sb="0" eb="2">
      <t>ヨサン</t>
    </rPh>
    <rPh sb="3" eb="5">
      <t>クブン</t>
    </rPh>
    <rPh sb="8" eb="9">
      <t>ヒロ</t>
    </rPh>
    <rPh sb="10" eb="11">
      <t>ワ</t>
    </rPh>
    <rPh sb="13" eb="15">
      <t>ヒツヨウ</t>
    </rPh>
    <rPh sb="16" eb="18">
      <t>カクニン</t>
    </rPh>
    <phoneticPr fontId="28"/>
  </si>
  <si>
    <t>　・有り　　　　　　範囲：</t>
    <rPh sb="2" eb="3">
      <t>ア</t>
    </rPh>
    <rPh sb="10" eb="12">
      <t>ハンイ</t>
    </rPh>
    <phoneticPr fontId="28"/>
  </si>
  <si>
    <t>関連工事</t>
    <rPh sb="0" eb="2">
      <t>カンレン</t>
    </rPh>
    <rPh sb="2" eb="4">
      <t>コウジ</t>
    </rPh>
    <phoneticPr fontId="28"/>
  </si>
  <si>
    <t>本工事以外の関連工事があるか確認したか。</t>
    <rPh sb="0" eb="3">
      <t>ホンコウジ</t>
    </rPh>
    <rPh sb="3" eb="5">
      <t>イガイ</t>
    </rPh>
    <rPh sb="6" eb="8">
      <t>カンレン</t>
    </rPh>
    <rPh sb="8" eb="10">
      <t>コウジ</t>
    </rPh>
    <rPh sb="14" eb="16">
      <t>カクニン</t>
    </rPh>
    <phoneticPr fontId="28"/>
  </si>
  <si>
    <t>　・有り　 ( ・ 建築工事　 ・ 電気設備工事　　・　　　　　　　 )</t>
    <rPh sb="2" eb="3">
      <t>ア</t>
    </rPh>
    <rPh sb="10" eb="12">
      <t>ケンチク</t>
    </rPh>
    <rPh sb="12" eb="14">
      <t>コウジ</t>
    </rPh>
    <phoneticPr fontId="28"/>
  </si>
  <si>
    <t>　　関連工事がある場合は、仮設の範囲を確認したか。</t>
  </si>
  <si>
    <t>発注範囲</t>
    <rPh sb="0" eb="2">
      <t>ハッチュウ</t>
    </rPh>
    <rPh sb="2" eb="4">
      <t>ハンイ</t>
    </rPh>
    <phoneticPr fontId="28"/>
  </si>
  <si>
    <r>
      <t>公告等</t>
    </r>
    <r>
      <rPr>
        <vertAlign val="superscript"/>
        <sz val="8"/>
        <rFont val="ＭＳ 明朝"/>
        <family val="1"/>
        <charset val="128"/>
      </rPr>
      <t>※２</t>
    </r>
    <r>
      <rPr>
        <sz val="8"/>
        <rFont val="ＭＳ 明朝"/>
        <family val="1"/>
        <charset val="128"/>
      </rPr>
      <t>の図面において(発注しない)別途工事部分があるか確認したか。</t>
    </r>
    <rPh sb="0" eb="2">
      <t>コウコク</t>
    </rPh>
    <rPh sb="2" eb="3">
      <t>トウ</t>
    </rPh>
    <rPh sb="6" eb="8">
      <t>ズメン</t>
    </rPh>
    <rPh sb="13" eb="15">
      <t>ハッチュウ</t>
    </rPh>
    <rPh sb="19" eb="21">
      <t>ベット</t>
    </rPh>
    <rPh sb="21" eb="23">
      <t>コウジ</t>
    </rPh>
    <rPh sb="23" eb="25">
      <t>ブブン</t>
    </rPh>
    <rPh sb="29" eb="31">
      <t>カクニン</t>
    </rPh>
    <phoneticPr fontId="28"/>
  </si>
  <si>
    <t>　・有り　特記仕様書記載   ( ・ 　　　　　　 ・ 　　　　　 )</t>
    <rPh sb="2" eb="3">
      <t>ア</t>
    </rPh>
    <rPh sb="5" eb="7">
      <t>トッキ</t>
    </rPh>
    <rPh sb="7" eb="10">
      <t>シヨウショ</t>
    </rPh>
    <rPh sb="10" eb="12">
      <t>キサイ</t>
    </rPh>
    <phoneticPr fontId="28"/>
  </si>
  <si>
    <t>　・有り　図面記載　       ( ・ 　　　　　　 ・ 　　　　　 )</t>
    <rPh sb="2" eb="3">
      <t>ア</t>
    </rPh>
    <rPh sb="5" eb="7">
      <t>ズメン</t>
    </rPh>
    <rPh sb="7" eb="9">
      <t>キサイ</t>
    </rPh>
    <phoneticPr fontId="28"/>
  </si>
  <si>
    <t>共通事項</t>
    <phoneticPr fontId="13"/>
  </si>
  <si>
    <t>２．複合単価</t>
    <phoneticPr fontId="24"/>
  </si>
  <si>
    <t>「単価基準」及び「基準等資料」で「その他」の率を確認したか。</t>
    <rPh sb="1" eb="3">
      <t>タンカ</t>
    </rPh>
    <rPh sb="3" eb="5">
      <t>キジュン</t>
    </rPh>
    <rPh sb="6" eb="7">
      <t>オヨ</t>
    </rPh>
    <rPh sb="9" eb="12">
      <t>キジュントウ</t>
    </rPh>
    <rPh sb="12" eb="14">
      <t>シリョウ</t>
    </rPh>
    <rPh sb="19" eb="20">
      <t>タ</t>
    </rPh>
    <rPh sb="22" eb="23">
      <t>リツ</t>
    </rPh>
    <rPh sb="24" eb="26">
      <t>カクニン</t>
    </rPh>
    <phoneticPr fontId="24"/>
  </si>
  <si>
    <t>「材料費」、「労務費」及び「運搬費及び消耗材料費等」の組合せによる単価としているか。</t>
    <rPh sb="1" eb="4">
      <t>ザイリョウヒ</t>
    </rPh>
    <rPh sb="7" eb="10">
      <t>ロウムヒ</t>
    </rPh>
    <rPh sb="11" eb="12">
      <t>オヨ</t>
    </rPh>
    <rPh sb="14" eb="17">
      <t>ウンパンヒ</t>
    </rPh>
    <rPh sb="17" eb="18">
      <t>オヨ</t>
    </rPh>
    <rPh sb="19" eb="21">
      <t>ショウモウ</t>
    </rPh>
    <rPh sb="21" eb="25">
      <t>ザイリョウヒナド</t>
    </rPh>
    <rPh sb="27" eb="29">
      <t>クミアワ</t>
    </rPh>
    <rPh sb="33" eb="35">
      <t>タンカ</t>
    </rPh>
    <phoneticPr fontId="24"/>
  </si>
  <si>
    <t>原則として、材料価格及び材料単価が、物価資料に掲載されている場合はその掲載価格を採用しているか。</t>
    <rPh sb="0" eb="2">
      <t>ゲンソク</t>
    </rPh>
    <rPh sb="6" eb="8">
      <t>ザイリョウ</t>
    </rPh>
    <rPh sb="8" eb="10">
      <t>カカク</t>
    </rPh>
    <rPh sb="10" eb="11">
      <t>オヨ</t>
    </rPh>
    <rPh sb="12" eb="14">
      <t>ザイリョウ</t>
    </rPh>
    <rPh sb="14" eb="16">
      <t>タンカ</t>
    </rPh>
    <rPh sb="18" eb="20">
      <t>ブッカ</t>
    </rPh>
    <rPh sb="20" eb="22">
      <t>シリョウ</t>
    </rPh>
    <rPh sb="23" eb="25">
      <t>ケイサイ</t>
    </rPh>
    <rPh sb="30" eb="32">
      <t>バアイ</t>
    </rPh>
    <rPh sb="35" eb="39">
      <t>ケイサイカカク</t>
    </rPh>
    <rPh sb="40" eb="42">
      <t>サイヨウ</t>
    </rPh>
    <phoneticPr fontId="24"/>
  </si>
  <si>
    <t>物価資料に掲載された材料単価等は、平均値を採用したか。なお、１つの物価資料にのみ掲載されている場合は、掲載された単価としたか。</t>
    <rPh sb="0" eb="2">
      <t>ブッカ</t>
    </rPh>
    <rPh sb="2" eb="4">
      <t>シリョウ</t>
    </rPh>
    <rPh sb="5" eb="7">
      <t>ケイサイ</t>
    </rPh>
    <rPh sb="10" eb="12">
      <t>ザイリョウ</t>
    </rPh>
    <rPh sb="12" eb="14">
      <t>タンカ</t>
    </rPh>
    <rPh sb="14" eb="15">
      <t>トウ</t>
    </rPh>
    <rPh sb="17" eb="20">
      <t>ヘイキンチ</t>
    </rPh>
    <rPh sb="21" eb="23">
      <t>サイヨウ</t>
    </rPh>
    <rPh sb="33" eb="35">
      <t>ブッカ</t>
    </rPh>
    <rPh sb="35" eb="37">
      <t>シリョウ</t>
    </rPh>
    <rPh sb="40" eb="42">
      <t>ケイサイ</t>
    </rPh>
    <rPh sb="47" eb="49">
      <t>バアイ</t>
    </rPh>
    <rPh sb="51" eb="53">
      <t>ケイサイ</t>
    </rPh>
    <rPh sb="56" eb="58">
      <t>タンカ</t>
    </rPh>
    <phoneticPr fontId="24"/>
  </si>
  <si>
    <t>物価資料の掲載価格が「公表価格」の場合、市中における取引状況等を確認し、補正を検討したか。</t>
    <rPh sb="0" eb="2">
      <t>ブッカ</t>
    </rPh>
    <rPh sb="2" eb="4">
      <t>シリョウ</t>
    </rPh>
    <rPh sb="5" eb="7">
      <t>ケイサイ</t>
    </rPh>
    <rPh sb="7" eb="9">
      <t>カカク</t>
    </rPh>
    <rPh sb="11" eb="13">
      <t>コウヒョウ</t>
    </rPh>
    <rPh sb="13" eb="15">
      <t>カカク</t>
    </rPh>
    <rPh sb="17" eb="19">
      <t>バアイ</t>
    </rPh>
    <rPh sb="20" eb="22">
      <t>シチュウ</t>
    </rPh>
    <rPh sb="26" eb="28">
      <t>トリヒキ</t>
    </rPh>
    <rPh sb="28" eb="30">
      <t>ジョウキョウ</t>
    </rPh>
    <rPh sb="30" eb="31">
      <t>トウ</t>
    </rPh>
    <rPh sb="32" eb="34">
      <t>カクニン</t>
    </rPh>
    <rPh sb="36" eb="38">
      <t>ホセイ</t>
    </rPh>
    <rPh sb="39" eb="41">
      <t>ケントウ</t>
    </rPh>
    <phoneticPr fontId="24"/>
  </si>
  <si>
    <t>衛生器具の市場単価は取付費のみの価格としているか。</t>
    <rPh sb="0" eb="2">
      <t>エイセイ</t>
    </rPh>
    <rPh sb="2" eb="4">
      <t>キグ</t>
    </rPh>
    <rPh sb="5" eb="7">
      <t>シジョウ</t>
    </rPh>
    <rPh sb="7" eb="9">
      <t>タンカ</t>
    </rPh>
    <rPh sb="10" eb="12">
      <t>トリツケ</t>
    </rPh>
    <rPh sb="12" eb="13">
      <t>ヒ</t>
    </rPh>
    <rPh sb="16" eb="18">
      <t>カカク</t>
    </rPh>
    <phoneticPr fontId="24"/>
  </si>
  <si>
    <t>４．見積単価</t>
    <rPh sb="4" eb="6">
      <t>タンカ</t>
    </rPh>
    <phoneticPr fontId="24"/>
  </si>
  <si>
    <t>見積単価は、製造業者等に対するヒアリング等により実勢価格帯を把握し、その結果を踏まえ、見積書の価格を適切に補正し、設定しているか。（実勢価格帯を確認せずに単価を設定していないか。）</t>
    <rPh sb="0" eb="2">
      <t>ミツモ</t>
    </rPh>
    <rPh sb="2" eb="4">
      <t>タンカ</t>
    </rPh>
    <rPh sb="6" eb="8">
      <t>セイゾウ</t>
    </rPh>
    <rPh sb="8" eb="10">
      <t>ギョウシャ</t>
    </rPh>
    <rPh sb="10" eb="11">
      <t>トウ</t>
    </rPh>
    <rPh sb="12" eb="13">
      <t>タイ</t>
    </rPh>
    <rPh sb="20" eb="21">
      <t>トウ</t>
    </rPh>
    <rPh sb="24" eb="26">
      <t>ジッセイ</t>
    </rPh>
    <rPh sb="26" eb="29">
      <t>カカクタイ</t>
    </rPh>
    <rPh sb="30" eb="32">
      <t>ハアク</t>
    </rPh>
    <rPh sb="36" eb="38">
      <t>ケッカ</t>
    </rPh>
    <rPh sb="39" eb="40">
      <t>フ</t>
    </rPh>
    <rPh sb="43" eb="46">
      <t>ミツモリショ</t>
    </rPh>
    <rPh sb="47" eb="49">
      <t>カカク</t>
    </rPh>
    <rPh sb="50" eb="52">
      <t>テキセツ</t>
    </rPh>
    <rPh sb="53" eb="55">
      <t>ホセイ</t>
    </rPh>
    <rPh sb="57" eb="59">
      <t>セッテイ</t>
    </rPh>
    <rPh sb="66" eb="68">
      <t>ジッセイ</t>
    </rPh>
    <rPh sb="68" eb="71">
      <t>カカクタイ</t>
    </rPh>
    <rPh sb="72" eb="74">
      <t>カクニン</t>
    </rPh>
    <rPh sb="77" eb="79">
      <t>タンカ</t>
    </rPh>
    <rPh sb="80" eb="82">
      <t>セッテイ</t>
    </rPh>
    <phoneticPr fontId="24"/>
  </si>
  <si>
    <t>見積価格を参考にして単価及び価格を算定するにあたっては、予算に合わせることを目的とした減額を行ってないか確認したか。</t>
    <rPh sb="43" eb="45">
      <t>ゲンガク</t>
    </rPh>
    <rPh sb="46" eb="47">
      <t>オコナ</t>
    </rPh>
    <phoneticPr fontId="24"/>
  </si>
  <si>
    <t>専門工事業者等からの見積価格及びカタログ価格の採用内容について十分に設計図書の施工条件を確認検討のうえ価格を計上したか。</t>
    <rPh sb="0" eb="2">
      <t>センモン</t>
    </rPh>
    <rPh sb="6" eb="7">
      <t>トウ</t>
    </rPh>
    <rPh sb="34" eb="36">
      <t>セッケイ</t>
    </rPh>
    <rPh sb="36" eb="38">
      <t>トショ</t>
    </rPh>
    <rPh sb="39" eb="41">
      <t>セコウ</t>
    </rPh>
    <rPh sb="41" eb="43">
      <t>ジョウケン</t>
    </rPh>
    <phoneticPr fontId="24"/>
  </si>
  <si>
    <t>見積書の内容を物価資料等の類似の項目と比較検討し金額の妥当性を検証したか。</t>
    <phoneticPr fontId="24"/>
  </si>
  <si>
    <t>過去の実績（類似の取引価格、数量、施工条件及び単位あたりの価格等）を参考に検討したか。</t>
    <rPh sb="37" eb="39">
      <t>ケントウ</t>
    </rPh>
    <phoneticPr fontId="24"/>
  </si>
  <si>
    <t>工事ごとの規模、施工条件等を考慮し価格を決定したか。</t>
    <rPh sb="0" eb="2">
      <t>コウジ</t>
    </rPh>
    <rPh sb="5" eb="7">
      <t>キボ</t>
    </rPh>
    <rPh sb="8" eb="10">
      <t>セコウ</t>
    </rPh>
    <rPh sb="10" eb="12">
      <t>ジョウケン</t>
    </rPh>
    <rPh sb="12" eb="13">
      <t>トウ</t>
    </rPh>
    <rPh sb="14" eb="16">
      <t>コウリョ</t>
    </rPh>
    <rPh sb="17" eb="19">
      <t>カカク</t>
    </rPh>
    <rPh sb="20" eb="22">
      <t>ケッテイ</t>
    </rPh>
    <phoneticPr fontId="24"/>
  </si>
  <si>
    <t>見積依頼</t>
    <rPh sb="0" eb="2">
      <t>ミツ</t>
    </rPh>
    <rPh sb="2" eb="4">
      <t>イライ</t>
    </rPh>
    <phoneticPr fontId="24"/>
  </si>
  <si>
    <t>見積依頼内容</t>
    <rPh sb="0" eb="2">
      <t>ミツモリ</t>
    </rPh>
    <rPh sb="2" eb="4">
      <t>イライ</t>
    </rPh>
    <rPh sb="4" eb="6">
      <t>ナイヨウ</t>
    </rPh>
    <phoneticPr fontId="13"/>
  </si>
  <si>
    <t>適切な依頼先が選定されているか。</t>
    <rPh sb="0" eb="2">
      <t>テキセツ</t>
    </rPh>
    <rPh sb="3" eb="6">
      <t>イライサキ</t>
    </rPh>
    <rPh sb="7" eb="9">
      <t>センテイ</t>
    </rPh>
    <phoneticPr fontId="13"/>
  </si>
  <si>
    <t>変更設計</t>
  </si>
  <si>
    <t>見積価格</t>
    <rPh sb="0" eb="2">
      <t>ミツモ</t>
    </rPh>
    <rPh sb="2" eb="4">
      <t>カカク</t>
    </rPh>
    <phoneticPr fontId="13"/>
  </si>
  <si>
    <t>変更前の価格と変更後の価格を比較し、変更事項に見合った増減になっているかを確認したか。</t>
    <rPh sb="0" eb="2">
      <t>ヘンコウ</t>
    </rPh>
    <rPh sb="2" eb="3">
      <t>マエ</t>
    </rPh>
    <rPh sb="4" eb="6">
      <t>カカク</t>
    </rPh>
    <rPh sb="7" eb="9">
      <t>ヘンコウ</t>
    </rPh>
    <rPh sb="9" eb="10">
      <t>ゴ</t>
    </rPh>
    <rPh sb="11" eb="13">
      <t>カカク</t>
    </rPh>
    <rPh sb="14" eb="16">
      <t>ヒカク</t>
    </rPh>
    <rPh sb="18" eb="20">
      <t>ヘンコウ</t>
    </rPh>
    <rPh sb="20" eb="22">
      <t>ジコウ</t>
    </rPh>
    <rPh sb="23" eb="25">
      <t>ミア</t>
    </rPh>
    <rPh sb="27" eb="29">
      <t>ゾウゲン</t>
    </rPh>
    <rPh sb="37" eb="39">
      <t>カクニン</t>
    </rPh>
    <phoneticPr fontId="24"/>
  </si>
  <si>
    <t>見積比較書</t>
    <phoneticPr fontId="24"/>
  </si>
  <si>
    <t>記載内容</t>
    <phoneticPr fontId="24"/>
  </si>
  <si>
    <t>見積書からの転記等のチェックを行ったか。</t>
    <phoneticPr fontId="24"/>
  </si>
  <si>
    <t>消費税を除いた金額であるか。</t>
    <phoneticPr fontId="24"/>
  </si>
  <si>
    <t>金額</t>
    <phoneticPr fontId="24"/>
  </si>
  <si>
    <t>見積金額にバラつきがある場合には、専門工事業者等に内容等のヒアリングを行ったか。</t>
    <phoneticPr fontId="24"/>
  </si>
  <si>
    <t>価格</t>
    <phoneticPr fontId="24"/>
  </si>
  <si>
    <t>ヒアリング及び類似製品等と比較し、適正な価格としたか。</t>
    <phoneticPr fontId="24"/>
  </si>
  <si>
    <t>※２　公告等：入札公告、指名通知、見積依頼又は技術資料提出依頼</t>
    <rPh sb="3" eb="5">
      <t>コウコク</t>
    </rPh>
    <rPh sb="5" eb="6">
      <t>トウ</t>
    </rPh>
    <phoneticPr fontId="24"/>
  </si>
  <si>
    <t>溶接部の非破壊検査を確認したか。　</t>
    <rPh sb="10" eb="12">
      <t>カクニン</t>
    </rPh>
    <phoneticPr fontId="12"/>
  </si>
  <si>
    <t>※１　設計図書：質問回答書、現場説明書、特記仕様書、図面及び標準仕様書</t>
    <rPh sb="3" eb="5">
      <t>セッケイ</t>
    </rPh>
    <rPh sb="5" eb="7">
      <t>トショ</t>
    </rPh>
    <rPh sb="8" eb="10">
      <t>シツモン</t>
    </rPh>
    <rPh sb="10" eb="13">
      <t>カイトウショ</t>
    </rPh>
    <rPh sb="14" eb="16">
      <t>ゲンバ</t>
    </rPh>
    <rPh sb="16" eb="19">
      <t>セツメイショ</t>
    </rPh>
    <rPh sb="20" eb="22">
      <t>トッキ</t>
    </rPh>
    <rPh sb="22" eb="25">
      <t>シヨウショ</t>
    </rPh>
    <rPh sb="26" eb="28">
      <t>ズメン</t>
    </rPh>
    <rPh sb="28" eb="29">
      <t>オヨ</t>
    </rPh>
    <rPh sb="30" eb="32">
      <t>ヒョウジュン</t>
    </rPh>
    <rPh sb="32" eb="35">
      <t>シヨウショ</t>
    </rPh>
    <phoneticPr fontId="24"/>
  </si>
  <si>
    <t>上記以外のものについて確認したか。</t>
    <rPh sb="0" eb="2">
      <t>ジョウキ</t>
    </rPh>
    <rPh sb="2" eb="4">
      <t>イガイ</t>
    </rPh>
    <rPh sb="11" eb="13">
      <t>カクニン</t>
    </rPh>
    <phoneticPr fontId="12"/>
  </si>
  <si>
    <t>配管の保温の数量を配管の長さとしたか。</t>
    <phoneticPr fontId="12"/>
  </si>
  <si>
    <t>　</t>
    <phoneticPr fontId="13"/>
  </si>
  <si>
    <t>形鋼振れ止め支持を必要とする配管は、配管工事費の３％を計上したか。</t>
    <rPh sb="0" eb="2">
      <t>カタコウ</t>
    </rPh>
    <rPh sb="2" eb="3">
      <t>フ</t>
    </rPh>
    <rPh sb="4" eb="5">
      <t>ド</t>
    </rPh>
    <rPh sb="6" eb="8">
      <t>シジ</t>
    </rPh>
    <rPh sb="9" eb="11">
      <t>ヒツヨウ</t>
    </rPh>
    <rPh sb="14" eb="16">
      <t>ハイカン</t>
    </rPh>
    <phoneticPr fontId="12"/>
  </si>
  <si>
    <t>公共工事設計労務単価は、最新の単価で職種が適切なものを採用したか。</t>
    <rPh sb="0" eb="2">
      <t>コウキョウ</t>
    </rPh>
    <rPh sb="2" eb="4">
      <t>コウジ</t>
    </rPh>
    <rPh sb="4" eb="6">
      <t>セッケイ</t>
    </rPh>
    <rPh sb="6" eb="8">
      <t>ロウム</t>
    </rPh>
    <rPh sb="8" eb="10">
      <t>タンカ</t>
    </rPh>
    <rPh sb="12" eb="14">
      <t>サイシン</t>
    </rPh>
    <rPh sb="15" eb="17">
      <t>タンカ</t>
    </rPh>
    <rPh sb="18" eb="20">
      <t>ショクシュ</t>
    </rPh>
    <rPh sb="27" eb="29">
      <t>サイヨウ</t>
    </rPh>
    <phoneticPr fontId="24"/>
  </si>
  <si>
    <t>銅管の保温を40A以下については１サイズダウンとしたか。</t>
    <rPh sb="0" eb="2">
      <t>ドウカン</t>
    </rPh>
    <rPh sb="3" eb="5">
      <t>ホオン</t>
    </rPh>
    <rPh sb="9" eb="11">
      <t>イカ</t>
    </rPh>
    <phoneticPr fontId="12"/>
  </si>
  <si>
    <t>蒸気及び還水管の数量は、次としたか。</t>
    <phoneticPr fontId="12"/>
  </si>
  <si>
    <t>機器単体に対する付属品の数量は本体に含み計測の対象外としたか。</t>
    <phoneticPr fontId="12"/>
  </si>
  <si>
    <t>　長方形ダクト</t>
    <rPh sb="1" eb="4">
      <t>チョウホウケイ</t>
    </rPh>
    <phoneticPr fontId="12"/>
  </si>
  <si>
    <t>　　・県土整備局建築工事積算要領((年号)　　年　月版)</t>
    <phoneticPr fontId="8"/>
  </si>
  <si>
    <t>　　・県土整備局建築工事積算要綱((年号)　　年版)</t>
    <phoneticPr fontId="8"/>
  </si>
  <si>
    <t>　県土整備局建築工事積算要綱((年号)　　年版)</t>
    <phoneticPr fontId="8"/>
  </si>
  <si>
    <t>　県土整備局建築工事積算要領((年号)　　年　月版)</t>
    <phoneticPr fontId="8"/>
  </si>
  <si>
    <t>県土整備局建築工事積算要綱((年号)　　年版)</t>
    <phoneticPr fontId="8"/>
  </si>
  <si>
    <t>県土整備局建築工事積算要領((年号)　　年　月版)</t>
    <phoneticPr fontId="8"/>
  </si>
  <si>
    <t>見積書の社名、担当者名、連絡先等が記載されているか確認したか。</t>
    <rPh sb="9" eb="10">
      <t>シャ</t>
    </rPh>
    <rPh sb="10" eb="11">
      <t>メイ</t>
    </rPh>
    <phoneticPr fontId="24"/>
  </si>
  <si>
    <t>　砂利地業等</t>
    <phoneticPr fontId="24"/>
  </si>
  <si>
    <t>長方形ダクトの数量を表面積としたか。</t>
    <phoneticPr fontId="12"/>
  </si>
  <si>
    <t>機器類の数量を機器の形式ごとの台数又は組数としたか。</t>
    <phoneticPr fontId="12"/>
  </si>
  <si>
    <t>※表紙について、令和3年6月30日以前は「見積書の社名、社印、担当社印、連絡先等が記載されているか確認したか。」と読み替える。</t>
    <rPh sb="57" eb="58">
      <t>ヨ</t>
    </rPh>
    <rPh sb="59" eb="60">
      <t>カ</t>
    </rPh>
    <phoneticPr fontId="12"/>
  </si>
  <si>
    <t>　公共建築工事標準単価積算基準　（(年号）　　年版）（以下「単価基準」という。）</t>
    <rPh sb="18" eb="20">
      <t>ネンゴウ</t>
    </rPh>
    <phoneticPr fontId="13"/>
  </si>
  <si>
    <t>　公共建築工事内訳書標準書式（設備工事編）　（(年号）　年版）（以下「内訳書標準書式」という。）</t>
    <rPh sb="15" eb="17">
      <t>セツビ</t>
    </rPh>
    <rPh sb="17" eb="19">
      <t>コウジ</t>
    </rPh>
    <phoneticPr fontId="26"/>
  </si>
  <si>
    <t>　公共建築工事見積書標準書式（設備工事編）　（(年号）　年版）（以下「見積標準書式」という。）</t>
    <rPh sb="7" eb="9">
      <t>ミツ</t>
    </rPh>
    <phoneticPr fontId="34"/>
  </si>
  <si>
    <t>　公共建築工事積算基準等資料　（(年号）　　年版）（以下「基準等資料」という。）</t>
    <phoneticPr fontId="13"/>
  </si>
  <si>
    <t>数量算出チェックリスト【機械設備工事編】</t>
    <rPh sb="0" eb="2">
      <t>スウリョウ</t>
    </rPh>
    <rPh sb="2" eb="4">
      <t>サンシュツ</t>
    </rPh>
    <phoneticPr fontId="8"/>
  </si>
  <si>
    <t>公共建築工事標準単価積算基準　（(年号）　　年版）（以下「単価基準」という。）</t>
    <phoneticPr fontId="13"/>
  </si>
  <si>
    <t>公共建築工事内訳書標準書式（設備工事編）　（(年号）　　年版）（以下「内訳書標準書式」という。）</t>
    <rPh sb="14" eb="16">
      <t>セツビ</t>
    </rPh>
    <rPh sb="16" eb="18">
      <t>コウジ</t>
    </rPh>
    <phoneticPr fontId="26"/>
  </si>
  <si>
    <t>公共建築工事見積書標準書式（設備工事編）　（(年号）　　年版）（以下「見積標準書式」という。）</t>
    <rPh sb="6" eb="8">
      <t>ミツ</t>
    </rPh>
    <phoneticPr fontId="34"/>
  </si>
  <si>
    <t>公共建築工事積算基準等資料　（(年号）　　年版）（以下「基準等資料」という。）</t>
    <phoneticPr fontId="13"/>
  </si>
  <si>
    <t>　・工期：(年号）　　年　　月　　日　　　　　　　　（始期：(年号）　　年　　月　　日）</t>
    <rPh sb="2" eb="4">
      <t>コウキ</t>
    </rPh>
    <rPh sb="11" eb="12">
      <t>ネン</t>
    </rPh>
    <rPh sb="14" eb="15">
      <t>ガツ</t>
    </rPh>
    <rPh sb="17" eb="18">
      <t>ニチ</t>
    </rPh>
    <rPh sb="27" eb="29">
      <t>シキ</t>
    </rPh>
    <phoneticPr fontId="24"/>
  </si>
  <si>
    <t>　・有り　　工期：(年号）　　年　　月　　日　</t>
    <rPh sb="2" eb="3">
      <t>ア</t>
    </rPh>
    <rPh sb="6" eb="8">
      <t>コウキ</t>
    </rPh>
    <rPh sb="15" eb="16">
      <t>ネン</t>
    </rPh>
    <rPh sb="18" eb="19">
      <t>ツキ</t>
    </rPh>
    <rPh sb="21" eb="22">
      <t>ヒ</t>
    </rPh>
    <phoneticPr fontId="28"/>
  </si>
  <si>
    <t>標準単価表等の単価は最新版を、物価資料に掲載の単価は入札日直近の該当地区の最新単価を採用したか。</t>
    <rPh sb="23" eb="25">
      <t>タンカ</t>
    </rPh>
    <rPh sb="26" eb="29">
      <t>ニュウサツビ</t>
    </rPh>
    <rPh sb="29" eb="31">
      <t>チョッキン</t>
    </rPh>
    <rPh sb="32" eb="34">
      <t>ガイトウ</t>
    </rPh>
    <rPh sb="34" eb="36">
      <t>チク</t>
    </rPh>
    <rPh sb="37" eb="39">
      <t>サイシン</t>
    </rPh>
    <rPh sb="39" eb="41">
      <t>タンカ</t>
    </rPh>
    <rPh sb="42" eb="44">
      <t>サイヨウ</t>
    </rPh>
    <phoneticPr fontId="27"/>
  </si>
  <si>
    <t>単価資料等チェックリスト【機械設備工事編】</t>
    <rPh sb="0" eb="2">
      <t>タンカ</t>
    </rPh>
    <rPh sb="2" eb="4">
      <t>シリョウ</t>
    </rPh>
    <rPh sb="4" eb="5">
      <t>ナド</t>
    </rPh>
    <phoneticPr fontId="8"/>
  </si>
  <si>
    <t>　　・公共建築工事内訳書標準書式（設備工事編）　（(年号）　　年版）</t>
    <rPh sb="26" eb="28">
      <t>ネンゴウ</t>
    </rPh>
    <phoneticPr fontId="12"/>
  </si>
  <si>
    <t>積算数量調書チェックリスト【機械設備工事編】</t>
    <rPh sb="0" eb="2">
      <t>セキサン</t>
    </rPh>
    <rPh sb="2" eb="4">
      <t>スウリョウ</t>
    </rPh>
    <rPh sb="4" eb="6">
      <t>チョウショ</t>
    </rPh>
    <phoneticPr fontId="8"/>
  </si>
  <si>
    <t>　　・公共建築工事標準仕様書（機械設備工事編）　（(年号）　　年版）</t>
    <rPh sb="26" eb="28">
      <t>ネンゴウ</t>
    </rPh>
    <phoneticPr fontId="12"/>
  </si>
  <si>
    <t>　　・公共建築改修工事標準仕様書（機械設備工事編）　（(年号）　　年版）</t>
    <rPh sb="28" eb="30">
      <t>ネンゴウ</t>
    </rPh>
    <phoneticPr fontId="12"/>
  </si>
  <si>
    <t>　　・公共建築設備工事標準図（機械設備工事編）　（(年号）　　年版）</t>
    <rPh sb="7" eb="9">
      <t>セツビ</t>
    </rPh>
    <rPh sb="13" eb="14">
      <t>ズ</t>
    </rPh>
    <rPh sb="26" eb="28">
      <t>ネンゴウ</t>
    </rPh>
    <phoneticPr fontId="12"/>
  </si>
  <si>
    <t>　　・公共建築工事積算基準　（(年号）　　年版）</t>
    <rPh sb="16" eb="18">
      <t>ネンゴウ</t>
    </rPh>
    <phoneticPr fontId="12"/>
  </si>
  <si>
    <t>　　・公共建築工事標準単価積算基準　（(年号）　　年版）</t>
    <rPh sb="20" eb="22">
      <t>ネンゴウ</t>
    </rPh>
    <phoneticPr fontId="8"/>
  </si>
  <si>
    <t>　　・公共建築設備数量積算基準　（(年号）　　年版）</t>
    <rPh sb="18" eb="20">
      <t>ネンゴウ</t>
    </rPh>
    <phoneticPr fontId="8"/>
  </si>
  <si>
    <t>　　・公共建築工事見積書標準書式（設備工事編）　（(年号）　　年版）</t>
    <rPh sb="9" eb="11">
      <t>ミツ</t>
    </rPh>
    <rPh sb="26" eb="28">
      <t>ネンゴウ</t>
    </rPh>
    <phoneticPr fontId="12"/>
  </si>
  <si>
    <t>　　・公共建築工事積算基準等資料　（(年号）　　年版）</t>
    <rPh sb="9" eb="11">
      <t>セキサン</t>
    </rPh>
    <rPh sb="11" eb="13">
      <t>キジュン</t>
    </rPh>
    <rPh sb="13" eb="14">
      <t>トウ</t>
    </rPh>
    <rPh sb="14" eb="16">
      <t>シリョウ</t>
    </rPh>
    <rPh sb="19" eb="21">
      <t>ネンゴウ</t>
    </rPh>
    <phoneticPr fontId="12"/>
  </si>
  <si>
    <t>　・有り　 ( ・ コンクリート　 ・ コンクリート及び鉄から成る建設資材　 ・木材
             ・ アスファルト・コンクリート　 ・　 　　　　　　 )</t>
    <rPh sb="2" eb="3">
      <t>ア</t>
    </rPh>
    <phoneticPr fontId="12"/>
  </si>
  <si>
    <t>形鋼振れ止め支持を必要とする配管を確認したか。※口径にかかわらず全ての配管が対象</t>
    <rPh sb="0" eb="2">
      <t>カタコウ</t>
    </rPh>
    <rPh sb="2" eb="3">
      <t>フ</t>
    </rPh>
    <rPh sb="4" eb="5">
      <t>ド</t>
    </rPh>
    <rPh sb="6" eb="8">
      <t>シジ</t>
    </rPh>
    <rPh sb="9" eb="11">
      <t>ヒツヨウ</t>
    </rPh>
    <rPh sb="14" eb="16">
      <t>ハイカン</t>
    </rPh>
    <rPh sb="17" eb="19">
      <t>カクニン</t>
    </rPh>
    <rPh sb="38" eb="40">
      <t>タイショウ</t>
    </rPh>
    <phoneticPr fontId="12"/>
  </si>
  <si>
    <t>配管類の砂利地業の体積を根切り底面積に厚さを乗じた体積としたか。</t>
    <rPh sb="4" eb="6">
      <t>ジャリ</t>
    </rPh>
    <phoneticPr fontId="24"/>
  </si>
  <si>
    <t>根切り深さを根切り基準線から排水管の底面までの深さに、砂利地業の厚さを加えた平均の深さとしたか。</t>
    <rPh sb="14" eb="17">
      <t>ハイスイカン</t>
    </rPh>
    <rPh sb="27" eb="29">
      <t>ジャリ</t>
    </rPh>
    <rPh sb="38" eb="40">
      <t>ヘイキン</t>
    </rPh>
    <rPh sb="41" eb="42">
      <t>フカ</t>
    </rPh>
    <phoneticPr fontId="12"/>
  </si>
  <si>
    <t>根切りの方法を根切り深さが1.5ｍ未満の場合は直掘り工法とし、1.5ｍ以上の場合は法付け工法又は山留め工法としたか。</t>
    <rPh sb="46" eb="47">
      <t>マタ</t>
    </rPh>
    <rPh sb="48" eb="50">
      <t>ヤマドメ</t>
    </rPh>
    <rPh sb="51" eb="53">
      <t>コウホウ</t>
    </rPh>
    <phoneticPr fontId="12"/>
  </si>
  <si>
    <t>　・有り　 ( ・ 走査式埋設物調査　 ・ 放射線透過検査　)</t>
    <rPh sb="2" eb="3">
      <t>ア</t>
    </rPh>
    <rPh sb="10" eb="13">
      <t>ソウサシキ</t>
    </rPh>
    <rPh sb="13" eb="16">
      <t>マイセツブツ</t>
    </rPh>
    <rPh sb="16" eb="18">
      <t>チョウサ</t>
    </rPh>
    <rPh sb="22" eb="24">
      <t>ホウシャ</t>
    </rPh>
    <rPh sb="24" eb="25">
      <t>セン</t>
    </rPh>
    <rPh sb="25" eb="27">
      <t>トウカ</t>
    </rPh>
    <rPh sb="27" eb="29">
      <t>ケンサ</t>
    </rPh>
    <phoneticPr fontId="12"/>
  </si>
  <si>
    <t>原則として、「単価基準」の標準歩掛りを採用したか。</t>
    <phoneticPr fontId="1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quot;-&quot;"/>
  </numFmts>
  <fonts count="42">
    <font>
      <sz val="11"/>
      <name val="ＭＳ 明朝"/>
      <family val="1"/>
      <charset val="128"/>
    </font>
    <font>
      <sz val="11"/>
      <name val="ＭＳ 明朝"/>
      <family val="1"/>
      <charset val="128"/>
    </font>
    <font>
      <sz val="10"/>
      <color indexed="8"/>
      <name val="Arial"/>
      <family val="2"/>
    </font>
    <font>
      <b/>
      <sz val="12"/>
      <name val="Arial"/>
      <family val="2"/>
    </font>
    <font>
      <sz val="10"/>
      <name val="Arial"/>
      <family val="2"/>
    </font>
    <font>
      <sz val="11"/>
      <name val="ＭＳ Ｐゴシック"/>
      <family val="3"/>
      <charset val="128"/>
    </font>
    <font>
      <sz val="11"/>
      <name val="ＭＳ ゴシック"/>
      <family val="3"/>
      <charset val="128"/>
    </font>
    <font>
      <sz val="14"/>
      <name val="ＭＳ 明朝"/>
      <family val="1"/>
      <charset val="128"/>
    </font>
    <font>
      <sz val="6"/>
      <name val="ＭＳ ゴシック"/>
      <family val="3"/>
      <charset val="128"/>
    </font>
    <font>
      <b/>
      <sz val="10.5"/>
      <name val="ＭＳ ゴシック"/>
      <family val="3"/>
      <charset val="128"/>
    </font>
    <font>
      <sz val="10.5"/>
      <name val="ＭＳ ゴシック"/>
      <family val="3"/>
      <charset val="128"/>
    </font>
    <font>
      <sz val="12"/>
      <name val="ＭＳ ゴシック"/>
      <family val="3"/>
      <charset val="128"/>
    </font>
    <font>
      <sz val="6"/>
      <name val="ＭＳ 明朝"/>
      <family val="1"/>
      <charset val="128"/>
    </font>
    <font>
      <sz val="6"/>
      <name val="ＭＳ Ｐゴシック"/>
      <family val="3"/>
      <charset val="128"/>
    </font>
    <font>
      <sz val="6"/>
      <name val="ＭＳ Ｐ明朝"/>
      <family val="1"/>
      <charset val="128"/>
    </font>
    <font>
      <sz val="11"/>
      <color indexed="8"/>
      <name val="ＭＳ 明朝"/>
      <family val="1"/>
      <charset val="128"/>
    </font>
    <font>
      <sz val="11"/>
      <color theme="1"/>
      <name val="ＭＳ 明朝"/>
      <family val="1"/>
      <charset val="128"/>
    </font>
    <font>
      <sz val="10"/>
      <name val="ＭＳ 明朝"/>
      <family val="1"/>
      <charset val="128"/>
    </font>
    <font>
      <sz val="8"/>
      <name val="ＭＳ ゴシック"/>
      <family val="3"/>
      <charset val="128"/>
    </font>
    <font>
      <b/>
      <sz val="16"/>
      <name val="ＭＳ ゴシック"/>
      <family val="3"/>
      <charset val="128"/>
    </font>
    <font>
      <b/>
      <sz val="14"/>
      <name val="ＭＳ ゴシック"/>
      <family val="3"/>
      <charset val="128"/>
    </font>
    <font>
      <b/>
      <sz val="12"/>
      <name val="ＭＳ ゴシック"/>
      <family val="3"/>
      <charset val="128"/>
    </font>
    <font>
      <sz val="8"/>
      <color rgb="FFFF0000"/>
      <name val="ＭＳ 明朝"/>
      <family val="1"/>
      <charset val="128"/>
    </font>
    <font>
      <sz val="8"/>
      <name val="ＭＳ 明朝"/>
      <family val="1"/>
      <charset val="128"/>
    </font>
    <font>
      <sz val="6"/>
      <name val="ＭＳ Ｐゴシック"/>
      <family val="2"/>
      <charset val="128"/>
      <scheme val="minor"/>
    </font>
    <font>
      <b/>
      <sz val="8"/>
      <name val="ＭＳ ゴシック"/>
      <family val="3"/>
      <charset val="128"/>
    </font>
    <font>
      <sz val="18"/>
      <color theme="3"/>
      <name val="ＭＳ Ｐゴシック"/>
      <family val="2"/>
      <charset val="128"/>
      <scheme val="major"/>
    </font>
    <font>
      <b/>
      <sz val="15"/>
      <color theme="3"/>
      <name val="ＭＳ Ｐゴシック"/>
      <family val="2"/>
      <charset val="128"/>
      <scheme val="minor"/>
    </font>
    <font>
      <sz val="11"/>
      <color rgb="FF9C0006"/>
      <name val="ＭＳ Ｐゴシック"/>
      <family val="2"/>
      <charset val="128"/>
      <scheme val="minor"/>
    </font>
    <font>
      <b/>
      <sz val="9"/>
      <name val="ＭＳ ゴシック"/>
      <family val="3"/>
      <charset val="128"/>
    </font>
    <font>
      <vertAlign val="superscript"/>
      <sz val="8"/>
      <name val="ＭＳ 明朝"/>
      <family val="1"/>
      <charset val="128"/>
    </font>
    <font>
      <sz val="10"/>
      <name val="ＭＳ Ｐゴシック"/>
      <family val="3"/>
      <charset val="128"/>
      <scheme val="minor"/>
    </font>
    <font>
      <strike/>
      <sz val="8"/>
      <name val="ＭＳ 明朝"/>
      <family val="1"/>
      <charset val="128"/>
    </font>
    <font>
      <sz val="22"/>
      <name val="ＭＳ ゴシック"/>
      <family val="3"/>
      <charset val="128"/>
    </font>
    <font>
      <sz val="8"/>
      <name val="ＭＳ Ｐゴシック"/>
      <family val="3"/>
      <charset val="128"/>
      <scheme val="major"/>
    </font>
    <font>
      <sz val="8"/>
      <name val="ＭＳ Ｐゴシック"/>
      <family val="3"/>
      <charset val="128"/>
    </font>
    <font>
      <sz val="8"/>
      <name val="ＭＳ Ｐゴシック"/>
      <family val="3"/>
      <charset val="128"/>
      <scheme val="minor"/>
    </font>
    <font>
      <b/>
      <vertAlign val="superscript"/>
      <sz val="8"/>
      <name val="ＭＳ ゴシック"/>
      <family val="3"/>
      <charset val="128"/>
    </font>
    <font>
      <sz val="12"/>
      <name val="ＭＳ 明朝"/>
      <family val="1"/>
      <charset val="128"/>
    </font>
    <font>
      <b/>
      <sz val="10"/>
      <name val="ＭＳ 明朝"/>
      <family val="1"/>
      <charset val="128"/>
    </font>
    <font>
      <sz val="6"/>
      <name val="ＭＳ Ｐゴシック"/>
      <family val="3"/>
      <charset val="128"/>
      <scheme val="major"/>
    </font>
    <font>
      <b/>
      <u/>
      <sz val="14"/>
      <name val="ＭＳ ゴシック"/>
      <family val="3"/>
      <charset val="128"/>
    </font>
  </fonts>
  <fills count="7">
    <fill>
      <patternFill patternType="none"/>
    </fill>
    <fill>
      <patternFill patternType="gray125"/>
    </fill>
    <fill>
      <patternFill patternType="solid">
        <fgColor indexed="41"/>
        <bgColor indexed="64"/>
      </patternFill>
    </fill>
    <fill>
      <patternFill patternType="solid">
        <fgColor theme="0" tint="-0.34998626667073579"/>
        <bgColor indexed="64"/>
      </patternFill>
    </fill>
    <fill>
      <patternFill patternType="solid">
        <fgColor theme="0"/>
        <bgColor indexed="64"/>
      </patternFill>
    </fill>
    <fill>
      <patternFill patternType="solid">
        <fgColor rgb="FFA6A6A6"/>
        <bgColor indexed="64"/>
      </patternFill>
    </fill>
    <fill>
      <patternFill patternType="solid">
        <fgColor rgb="FFCCFFFF"/>
        <bgColor indexed="64"/>
      </patternFill>
    </fill>
  </fills>
  <borders count="102">
    <border>
      <left/>
      <right/>
      <top/>
      <bottom/>
      <diagonal/>
    </border>
    <border>
      <left/>
      <right/>
      <top style="medium">
        <color indexed="64"/>
      </top>
      <bottom style="medium">
        <color indexed="64"/>
      </bottom>
      <diagonal/>
    </border>
    <border>
      <left/>
      <right/>
      <top style="thin">
        <color indexed="64"/>
      </top>
      <bottom style="thin">
        <color indexed="64"/>
      </bottom>
      <diagonal/>
    </border>
    <border>
      <left style="medium">
        <color indexed="64"/>
      </left>
      <right/>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right/>
      <top/>
      <bottom style="thin">
        <color indexed="64"/>
      </bottom>
      <diagonal/>
    </border>
    <border>
      <left style="medium">
        <color indexed="64"/>
      </left>
      <right style="thin">
        <color indexed="64"/>
      </right>
      <top/>
      <bottom style="medium">
        <color indexed="64"/>
      </bottom>
      <diagonal/>
    </border>
    <border>
      <left/>
      <right/>
      <top style="medium">
        <color indexed="64"/>
      </top>
      <bottom/>
      <diagonal/>
    </border>
    <border>
      <left style="thin">
        <color indexed="64"/>
      </left>
      <right style="thin">
        <color indexed="64"/>
      </right>
      <top style="hair">
        <color indexed="64"/>
      </top>
      <bottom style="medium">
        <color indexed="64"/>
      </bottom>
      <diagonal/>
    </border>
    <border>
      <left style="medium">
        <color indexed="64"/>
      </left>
      <right/>
      <top/>
      <bottom style="medium">
        <color indexed="64"/>
      </bottom>
      <diagonal/>
    </border>
    <border>
      <left/>
      <right/>
      <top/>
      <bottom style="medium">
        <color indexed="64"/>
      </bottom>
      <diagonal/>
    </border>
    <border>
      <left style="thin">
        <color indexed="8"/>
      </left>
      <right style="thin">
        <color indexed="8"/>
      </right>
      <top style="thin">
        <color indexed="8"/>
      </top>
      <bottom style="thin">
        <color indexed="8"/>
      </bottom>
      <diagonal/>
    </border>
    <border>
      <left/>
      <right style="medium">
        <color indexed="64"/>
      </right>
      <top style="thin">
        <color indexed="8"/>
      </top>
      <bottom style="thin">
        <color indexed="8"/>
      </bottom>
      <diagonal/>
    </border>
    <border>
      <left style="thin">
        <color indexed="8"/>
      </left>
      <right style="thin">
        <color indexed="8"/>
      </right>
      <top/>
      <bottom style="medium">
        <color indexed="64"/>
      </bottom>
      <diagonal/>
    </border>
    <border>
      <left style="thin">
        <color indexed="8"/>
      </left>
      <right style="thin">
        <color indexed="8"/>
      </right>
      <top style="thin">
        <color indexed="64"/>
      </top>
      <bottom/>
      <diagonal/>
    </border>
    <border>
      <left style="medium">
        <color indexed="64"/>
      </left>
      <right style="thin">
        <color indexed="8"/>
      </right>
      <top/>
      <bottom/>
      <diagonal/>
    </border>
    <border>
      <left style="medium">
        <color indexed="64"/>
      </left>
      <right style="thin">
        <color indexed="8"/>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8"/>
      </left>
      <right style="medium">
        <color indexed="64"/>
      </right>
      <top style="medium">
        <color indexed="64"/>
      </top>
      <bottom style="thin">
        <color indexed="8"/>
      </bottom>
      <diagonal/>
    </border>
    <border>
      <left style="medium">
        <color indexed="64"/>
      </left>
      <right style="thin">
        <color indexed="8"/>
      </right>
      <top style="medium">
        <color indexed="64"/>
      </top>
      <bottom style="thin">
        <color indexed="8"/>
      </bottom>
      <diagonal/>
    </border>
    <border>
      <left style="medium">
        <color indexed="64"/>
      </left>
      <right style="thin">
        <color indexed="8"/>
      </right>
      <top style="thin">
        <color indexed="8"/>
      </top>
      <bottom style="thin">
        <color indexed="8"/>
      </bottom>
      <diagonal/>
    </border>
    <border>
      <left style="thin">
        <color indexed="8"/>
      </left>
      <right style="thin">
        <color indexed="8"/>
      </right>
      <top style="medium">
        <color indexed="64"/>
      </top>
      <bottom style="thin">
        <color indexed="8"/>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right style="thin">
        <color indexed="64"/>
      </right>
      <top style="medium">
        <color indexed="64"/>
      </top>
      <bottom style="thin">
        <color indexed="64"/>
      </bottom>
      <diagonal/>
    </border>
    <border>
      <left/>
      <right style="thin">
        <color indexed="64"/>
      </right>
      <top style="thin">
        <color indexed="64"/>
      </top>
      <bottom/>
      <diagonal/>
    </border>
    <border>
      <left style="thin">
        <color indexed="8"/>
      </left>
      <right style="thin">
        <color indexed="8"/>
      </right>
      <top style="thin">
        <color indexed="8"/>
      </top>
      <bottom/>
      <diagonal/>
    </border>
    <border>
      <left style="thin">
        <color indexed="8"/>
      </left>
      <right style="medium">
        <color indexed="64"/>
      </right>
      <top style="thin">
        <color indexed="8"/>
      </top>
      <bottom/>
      <diagonal/>
    </border>
    <border>
      <left style="thin">
        <color indexed="64"/>
      </left>
      <right/>
      <top style="thin">
        <color indexed="64"/>
      </top>
      <bottom style="thin">
        <color indexed="64"/>
      </bottom>
      <diagonal/>
    </border>
    <border>
      <left style="medium">
        <color indexed="64"/>
      </left>
      <right/>
      <top style="thin">
        <color indexed="64"/>
      </top>
      <bottom/>
      <diagonal/>
    </border>
    <border>
      <left style="medium">
        <color indexed="64"/>
      </left>
      <right/>
      <top/>
      <bottom style="thin">
        <color indexed="64"/>
      </bottom>
      <diagonal/>
    </border>
    <border>
      <left style="thin">
        <color indexed="64"/>
      </left>
      <right/>
      <top style="thin">
        <color indexed="64"/>
      </top>
      <bottom/>
      <diagonal/>
    </border>
    <border>
      <left style="thin">
        <color indexed="64"/>
      </left>
      <right style="thin">
        <color indexed="64"/>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medium">
        <color indexed="64"/>
      </bottom>
      <diagonal/>
    </border>
    <border>
      <left style="thin">
        <color indexed="64"/>
      </left>
      <right style="thin">
        <color indexed="64"/>
      </right>
      <top style="hair">
        <color indexed="64"/>
      </top>
      <bottom style="hair">
        <color indexed="64"/>
      </bottom>
      <diagonal/>
    </border>
    <border>
      <left style="medium">
        <color indexed="64"/>
      </left>
      <right style="thin">
        <color indexed="64"/>
      </right>
      <top/>
      <bottom style="hair">
        <color indexed="64"/>
      </bottom>
      <diagonal/>
    </border>
    <border>
      <left style="thin">
        <color indexed="64"/>
      </left>
      <right style="medium">
        <color indexed="64"/>
      </right>
      <top style="thin">
        <color indexed="64"/>
      </top>
      <bottom style="hair">
        <color indexed="64"/>
      </bottom>
      <diagonal/>
    </border>
    <border>
      <left style="thin">
        <color indexed="64"/>
      </left>
      <right style="medium">
        <color indexed="64"/>
      </right>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style="medium">
        <color indexed="64"/>
      </bottom>
      <diagonal/>
    </border>
    <border>
      <left style="thin">
        <color indexed="64"/>
      </left>
      <right style="medium">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medium">
        <color indexed="64"/>
      </bottom>
      <diagonal/>
    </border>
    <border>
      <left style="hair">
        <color indexed="64"/>
      </left>
      <right style="thin">
        <color indexed="64"/>
      </right>
      <top style="hair">
        <color indexed="64"/>
      </top>
      <bottom style="medium">
        <color indexed="64"/>
      </bottom>
      <diagonal/>
    </border>
    <border>
      <left style="thin">
        <color indexed="64"/>
      </left>
      <right style="medium">
        <color indexed="64"/>
      </right>
      <top style="hair">
        <color indexed="64"/>
      </top>
      <bottom/>
      <diagonal/>
    </border>
    <border>
      <left style="medium">
        <color indexed="64"/>
      </left>
      <right style="thin">
        <color indexed="64"/>
      </right>
      <top style="hair">
        <color indexed="64"/>
      </top>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8"/>
      </left>
      <right style="thin">
        <color indexed="8"/>
      </right>
      <top/>
      <bottom/>
      <diagonal/>
    </border>
    <border>
      <left style="thin">
        <color indexed="8"/>
      </left>
      <right style="thin">
        <color indexed="8"/>
      </right>
      <top style="hair">
        <color indexed="64"/>
      </top>
      <bottom style="hair">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indexed="64"/>
      </left>
      <right style="thin">
        <color indexed="64"/>
      </right>
      <top style="thin">
        <color indexed="8"/>
      </top>
      <bottom style="hair">
        <color indexed="64"/>
      </bottom>
      <diagonal/>
    </border>
    <border>
      <left style="thin">
        <color indexed="8"/>
      </left>
      <right style="thin">
        <color indexed="8"/>
      </right>
      <top style="thin">
        <color indexed="64"/>
      </top>
      <bottom style="hair">
        <color indexed="64"/>
      </bottom>
      <diagonal/>
    </border>
    <border>
      <left style="medium">
        <color indexed="64"/>
      </left>
      <right style="thin">
        <color indexed="8"/>
      </right>
      <top style="hair">
        <color indexed="64"/>
      </top>
      <bottom style="hair">
        <color indexed="64"/>
      </bottom>
      <diagonal/>
    </border>
    <border>
      <left style="thin">
        <color indexed="64"/>
      </left>
      <right style="medium">
        <color indexed="64"/>
      </right>
      <top style="hair">
        <color indexed="64"/>
      </top>
      <bottom style="medium">
        <color indexed="64"/>
      </bottom>
      <diagonal/>
    </border>
    <border>
      <left/>
      <right style="thin">
        <color indexed="64"/>
      </right>
      <top/>
      <bottom style="medium">
        <color indexed="64"/>
      </bottom>
      <diagonal/>
    </border>
    <border>
      <left/>
      <right style="thin">
        <color indexed="64"/>
      </right>
      <top style="thin">
        <color indexed="64"/>
      </top>
      <bottom style="hair">
        <color indexed="64"/>
      </bottom>
      <diagonal/>
    </border>
    <border>
      <left/>
      <right style="medium">
        <color indexed="64"/>
      </right>
      <top style="thin">
        <color indexed="8"/>
      </top>
      <bottom style="hair">
        <color indexed="64"/>
      </bottom>
      <diagonal/>
    </border>
    <border>
      <left style="medium">
        <color indexed="64"/>
      </left>
      <right style="thin">
        <color indexed="8"/>
      </right>
      <top style="hair">
        <color indexed="64"/>
      </top>
      <bottom/>
      <diagonal/>
    </border>
    <border>
      <left style="medium">
        <color indexed="64"/>
      </left>
      <right style="thin">
        <color indexed="64"/>
      </right>
      <top style="hair">
        <color indexed="64"/>
      </top>
      <bottom style="medium">
        <color indexed="64"/>
      </bottom>
      <diagonal/>
    </border>
    <border>
      <left style="thin">
        <color indexed="64"/>
      </left>
      <right/>
      <top style="hair">
        <color indexed="64"/>
      </top>
      <bottom style="medium">
        <color indexed="64"/>
      </bottom>
      <diagonal/>
    </border>
    <border>
      <left style="thin">
        <color indexed="64"/>
      </left>
      <right/>
      <top/>
      <bottom style="medium">
        <color indexed="64"/>
      </bottom>
      <diagonal/>
    </border>
    <border>
      <left/>
      <right style="medium">
        <color indexed="64"/>
      </right>
      <top style="medium">
        <color indexed="64"/>
      </top>
      <bottom style="thin">
        <color indexed="64"/>
      </bottom>
      <diagonal/>
    </border>
    <border>
      <left style="thin">
        <color indexed="64"/>
      </left>
      <right/>
      <top/>
      <bottom style="thin">
        <color indexed="64"/>
      </bottom>
      <diagonal/>
    </border>
    <border>
      <left style="thin">
        <color indexed="64"/>
      </left>
      <right/>
      <top/>
      <bottom/>
      <diagonal/>
    </border>
    <border>
      <left style="medium">
        <color indexed="64"/>
      </left>
      <right/>
      <top/>
      <bottom style="hair">
        <color indexed="64"/>
      </bottom>
      <diagonal/>
    </border>
    <border>
      <left style="thin">
        <color indexed="64"/>
      </left>
      <right/>
      <top/>
      <bottom style="hair">
        <color indexed="64"/>
      </bottom>
      <diagonal/>
    </border>
    <border>
      <left/>
      <right/>
      <top/>
      <bottom style="hair">
        <color indexed="64"/>
      </bottom>
      <diagonal/>
    </border>
    <border>
      <left style="thin">
        <color indexed="64"/>
      </left>
      <right/>
      <top style="thin">
        <color indexed="64"/>
      </top>
      <bottom style="hair">
        <color auto="1"/>
      </bottom>
      <diagonal/>
    </border>
    <border>
      <left/>
      <right style="thin">
        <color indexed="64"/>
      </right>
      <top/>
      <bottom/>
      <diagonal/>
    </border>
    <border>
      <left style="thin">
        <color indexed="64"/>
      </left>
      <right/>
      <top style="hair">
        <color auto="1"/>
      </top>
      <bottom/>
      <diagonal/>
    </border>
    <border>
      <left/>
      <right/>
      <top style="hair">
        <color indexed="64"/>
      </top>
      <bottom style="medium">
        <color indexed="64"/>
      </bottom>
      <diagonal/>
    </border>
    <border>
      <left style="medium">
        <color indexed="64"/>
      </left>
      <right/>
      <top style="medium">
        <color indexed="64"/>
      </top>
      <bottom/>
      <diagonal/>
    </border>
    <border>
      <left style="thin">
        <color indexed="64"/>
      </left>
      <right/>
      <top style="medium">
        <color indexed="64"/>
      </top>
      <bottom/>
      <diagonal/>
    </border>
    <border>
      <left style="medium">
        <color indexed="64"/>
      </left>
      <right/>
      <top style="hair">
        <color indexed="64"/>
      </top>
      <bottom/>
      <diagonal/>
    </border>
    <border>
      <left style="medium">
        <color indexed="64"/>
      </left>
      <right/>
      <top style="thin">
        <color indexed="64"/>
      </top>
      <bottom style="hair">
        <color indexed="64"/>
      </bottom>
      <diagonal/>
    </border>
    <border>
      <left style="medium">
        <color indexed="64"/>
      </left>
      <right/>
      <top style="medium">
        <color indexed="64"/>
      </top>
      <bottom style="thin">
        <color indexed="64"/>
      </bottom>
      <diagonal/>
    </border>
  </borders>
  <cellStyleXfs count="15">
    <xf numFmtId="0" fontId="0" fillId="0" borderId="0">
      <alignment vertical="center"/>
    </xf>
    <xf numFmtId="176" fontId="2" fillId="0" borderId="0" applyFill="0" applyBorder="0" applyAlignment="0"/>
    <xf numFmtId="0" fontId="3" fillId="0" borderId="1" applyNumberFormat="0" applyAlignment="0" applyProtection="0">
      <alignment horizontal="left" vertical="center"/>
    </xf>
    <xf numFmtId="0" fontId="3" fillId="0" borderId="2">
      <alignment horizontal="left" vertical="center"/>
    </xf>
    <xf numFmtId="0" fontId="4" fillId="0" borderId="0"/>
    <xf numFmtId="38" fontId="15" fillId="0" borderId="0" applyFont="0" applyFill="0" applyBorder="0" applyAlignment="0" applyProtection="0">
      <alignment vertical="center"/>
    </xf>
    <xf numFmtId="0" fontId="16" fillId="0" borderId="0">
      <alignment vertical="center"/>
    </xf>
    <xf numFmtId="0" fontId="5" fillId="0" borderId="0"/>
    <xf numFmtId="0" fontId="5" fillId="0" borderId="0"/>
    <xf numFmtId="0" fontId="1" fillId="0" borderId="0">
      <alignment vertical="center"/>
    </xf>
    <xf numFmtId="0" fontId="7" fillId="0" borderId="0"/>
    <xf numFmtId="0" fontId="5" fillId="0" borderId="0"/>
    <xf numFmtId="0" fontId="22" fillId="0" borderId="3">
      <alignment vertical="top" wrapText="1"/>
    </xf>
    <xf numFmtId="0" fontId="1" fillId="0" borderId="0">
      <alignment vertical="center"/>
    </xf>
    <xf numFmtId="0" fontId="38" fillId="0" borderId="0"/>
  </cellStyleXfs>
  <cellXfs count="425">
    <xf numFmtId="0" fontId="0" fillId="0" borderId="0" xfId="0">
      <alignment vertical="center"/>
    </xf>
    <xf numFmtId="0" fontId="9" fillId="0" borderId="0" xfId="11" applyFont="1" applyAlignment="1">
      <alignment horizontal="justify" vertical="center"/>
    </xf>
    <xf numFmtId="0" fontId="6" fillId="0" borderId="0" xfId="11" applyFont="1" applyAlignment="1">
      <alignment vertical="center"/>
    </xf>
    <xf numFmtId="0" fontId="10" fillId="0" borderId="0" xfId="11" applyFont="1" applyAlignment="1">
      <alignment horizontal="justify" vertical="center"/>
    </xf>
    <xf numFmtId="0" fontId="10" fillId="0" borderId="0" xfId="11" applyFont="1" applyAlignment="1">
      <alignment vertical="center"/>
    </xf>
    <xf numFmtId="0" fontId="6" fillId="0" borderId="18" xfId="11" applyFont="1" applyBorder="1" applyAlignment="1">
      <alignment vertical="center"/>
    </xf>
    <xf numFmtId="0" fontId="6" fillId="0" borderId="0" xfId="11" applyFont="1" applyBorder="1" applyAlignment="1">
      <alignment vertical="center"/>
    </xf>
    <xf numFmtId="0" fontId="11" fillId="0" borderId="0" xfId="11" applyFont="1" applyAlignment="1">
      <alignment vertical="center"/>
    </xf>
    <xf numFmtId="0" fontId="6" fillId="0" borderId="0" xfId="11" applyFont="1" applyAlignment="1">
      <alignment horizontal="center" vertical="center"/>
    </xf>
    <xf numFmtId="0" fontId="17" fillId="0" borderId="0" xfId="9" applyFont="1">
      <alignment vertical="center"/>
    </xf>
    <xf numFmtId="0" fontId="17" fillId="3" borderId="4" xfId="9" applyFont="1" applyFill="1" applyBorder="1" applyAlignment="1">
      <alignment horizontal="center" vertical="center"/>
    </xf>
    <xf numFmtId="0" fontId="17" fillId="0" borderId="4" xfId="9" applyFont="1" applyBorder="1" applyAlignment="1">
      <alignment horizontal="center" vertical="center"/>
    </xf>
    <xf numFmtId="0" fontId="18" fillId="0" borderId="3" xfId="9" applyFont="1" applyBorder="1" applyAlignment="1">
      <alignment vertical="top" wrapText="1"/>
    </xf>
    <xf numFmtId="0" fontId="6" fillId="0" borderId="0" xfId="11" applyFont="1"/>
    <xf numFmtId="0" fontId="21" fillId="0" borderId="0" xfId="11" applyFont="1" applyAlignment="1">
      <alignment vertical="center"/>
    </xf>
    <xf numFmtId="0" fontId="17" fillId="0" borderId="53" xfId="9" applyFont="1" applyBorder="1" applyAlignment="1">
      <alignment horizontal="center" vertical="center"/>
    </xf>
    <xf numFmtId="0" fontId="17" fillId="3" borderId="53" xfId="9" applyFont="1" applyFill="1" applyBorder="1" applyAlignment="1">
      <alignment horizontal="center" vertical="center"/>
    </xf>
    <xf numFmtId="0" fontId="17" fillId="3" borderId="56" xfId="9" applyFont="1" applyFill="1" applyBorder="1" applyAlignment="1">
      <alignment horizontal="center" vertical="center"/>
    </xf>
    <xf numFmtId="49" fontId="23" fillId="0" borderId="53" xfId="7" applyNumberFormat="1" applyFont="1" applyBorder="1" applyAlignment="1">
      <alignment vertical="top"/>
    </xf>
    <xf numFmtId="0" fontId="23" fillId="0" borderId="53" xfId="9" applyFont="1" applyFill="1" applyBorder="1" applyAlignment="1">
      <alignment vertical="center" wrapText="1"/>
    </xf>
    <xf numFmtId="0" fontId="23" fillId="0" borderId="53" xfId="0" applyFont="1" applyFill="1" applyBorder="1" applyAlignment="1">
      <alignment vertical="center" wrapText="1"/>
    </xf>
    <xf numFmtId="0" fontId="23" fillId="0" borderId="53" xfId="9" applyFont="1" applyBorder="1" applyAlignment="1">
      <alignment vertical="top" wrapText="1"/>
    </xf>
    <xf numFmtId="0" fontId="23" fillId="0" borderId="75" xfId="8" applyFont="1" applyBorder="1" applyAlignment="1">
      <alignment vertical="center" wrapText="1"/>
    </xf>
    <xf numFmtId="0" fontId="8" fillId="2" borderId="7" xfId="9" applyFont="1" applyFill="1" applyBorder="1" applyAlignment="1">
      <alignment horizontal="center" vertical="center" wrapText="1"/>
    </xf>
    <xf numFmtId="0" fontId="23" fillId="0" borderId="13" xfId="9" applyFont="1" applyBorder="1" applyAlignment="1">
      <alignment vertical="top" wrapText="1"/>
    </xf>
    <xf numFmtId="0" fontId="23" fillId="0" borderId="70" xfId="9" applyFont="1" applyBorder="1" applyAlignment="1">
      <alignment vertical="top" wrapText="1"/>
    </xf>
    <xf numFmtId="0" fontId="17" fillId="3" borderId="50" xfId="9" applyFont="1" applyFill="1" applyBorder="1" applyAlignment="1">
      <alignment horizontal="center" vertical="center"/>
    </xf>
    <xf numFmtId="0" fontId="17" fillId="0" borderId="69" xfId="9" applyFont="1" applyBorder="1" applyAlignment="1">
      <alignment horizontal="center" vertical="center"/>
    </xf>
    <xf numFmtId="0" fontId="17" fillId="3" borderId="69" xfId="9" applyFont="1" applyFill="1" applyBorder="1" applyAlignment="1">
      <alignment horizontal="center" vertical="center"/>
    </xf>
    <xf numFmtId="49" fontId="23" fillId="0" borderId="85" xfId="7" applyNumberFormat="1" applyFont="1" applyBorder="1" applyAlignment="1">
      <alignment vertical="top"/>
    </xf>
    <xf numFmtId="49" fontId="23" fillId="0" borderId="86" xfId="7" applyNumberFormat="1" applyFont="1" applyBorder="1" applyAlignment="1">
      <alignment vertical="top"/>
    </xf>
    <xf numFmtId="0" fontId="23" fillId="0" borderId="4" xfId="9" applyFont="1" applyBorder="1" applyAlignment="1">
      <alignment vertical="top" wrapText="1"/>
    </xf>
    <xf numFmtId="0" fontId="18" fillId="0" borderId="57" xfId="9" applyFont="1" applyBorder="1" applyAlignment="1">
      <alignment vertical="top"/>
    </xf>
    <xf numFmtId="0" fontId="29" fillId="0" borderId="0" xfId="9" applyFont="1" applyFill="1" applyAlignment="1">
      <alignment vertical="top" wrapText="1"/>
    </xf>
    <xf numFmtId="0" fontId="17" fillId="0" borderId="0" xfId="9" applyFont="1" applyAlignment="1">
      <alignment vertical="top" wrapText="1"/>
    </xf>
    <xf numFmtId="0" fontId="17" fillId="0" borderId="0" xfId="9" applyFont="1" applyAlignment="1">
      <alignment horizontal="center" vertical="center"/>
    </xf>
    <xf numFmtId="0" fontId="25" fillId="0" borderId="0" xfId="9" applyFont="1" applyAlignment="1">
      <alignment vertical="top"/>
    </xf>
    <xf numFmtId="0" fontId="23" fillId="0" borderId="4" xfId="0" applyFont="1" applyBorder="1" applyAlignment="1">
      <alignment vertical="top"/>
    </xf>
    <xf numFmtId="0" fontId="23" fillId="0" borderId="53" xfId="0" applyFont="1" applyBorder="1" applyAlignment="1">
      <alignment vertical="top"/>
    </xf>
    <xf numFmtId="0" fontId="23" fillId="0" borderId="50" xfId="0" applyFont="1" applyBorder="1" applyAlignment="1">
      <alignment vertical="top"/>
    </xf>
    <xf numFmtId="0" fontId="18" fillId="0" borderId="54" xfId="9" applyFont="1" applyBorder="1" applyAlignment="1">
      <alignment vertical="top" wrapText="1"/>
    </xf>
    <xf numFmtId="0" fontId="23" fillId="0" borderId="69" xfId="0" applyFont="1" applyBorder="1" applyAlignment="1">
      <alignment vertical="top"/>
    </xf>
    <xf numFmtId="0" fontId="18" fillId="0" borderId="19" xfId="9" applyFont="1" applyBorder="1" applyAlignment="1">
      <alignment vertical="top" wrapText="1"/>
    </xf>
    <xf numFmtId="0" fontId="23" fillId="0" borderId="13" xfId="0" applyFont="1" applyFill="1" applyBorder="1" applyAlignment="1">
      <alignment vertical="top"/>
    </xf>
    <xf numFmtId="0" fontId="17" fillId="3" borderId="13" xfId="9" applyFont="1" applyFill="1" applyBorder="1" applyAlignment="1">
      <alignment horizontal="center" vertical="center"/>
    </xf>
    <xf numFmtId="0" fontId="17" fillId="3" borderId="14" xfId="9" applyFont="1" applyFill="1" applyBorder="1" applyAlignment="1">
      <alignment horizontal="center" vertical="center"/>
    </xf>
    <xf numFmtId="0" fontId="18" fillId="0" borderId="16" xfId="9" applyFont="1" applyBorder="1" applyAlignment="1">
      <alignment vertical="top" wrapText="1"/>
    </xf>
    <xf numFmtId="0" fontId="23" fillId="0" borderId="4" xfId="8" applyFont="1" applyBorder="1" applyAlignment="1">
      <alignment vertical="top" wrapText="1"/>
    </xf>
    <xf numFmtId="0" fontId="18" fillId="0" borderId="58" xfId="9" applyFont="1" applyBorder="1" applyAlignment="1">
      <alignment vertical="top" wrapText="1"/>
    </xf>
    <xf numFmtId="0" fontId="23" fillId="0" borderId="53" xfId="8" applyFont="1" applyBorder="1" applyAlignment="1">
      <alignment vertical="top" wrapText="1"/>
    </xf>
    <xf numFmtId="0" fontId="18" fillId="0" borderId="17" xfId="9" applyFont="1" applyBorder="1" applyAlignment="1">
      <alignment vertical="top" wrapText="1"/>
    </xf>
    <xf numFmtId="0" fontId="23" fillId="0" borderId="11" xfId="8" applyFont="1" applyBorder="1" applyAlignment="1">
      <alignment vertical="top" wrapText="1"/>
    </xf>
    <xf numFmtId="0" fontId="17" fillId="3" borderId="11" xfId="9" applyFont="1" applyFill="1" applyBorder="1" applyAlignment="1">
      <alignment horizontal="center" vertical="center"/>
    </xf>
    <xf numFmtId="0" fontId="17" fillId="0" borderId="11" xfId="9" applyFont="1" applyBorder="1" applyAlignment="1">
      <alignment horizontal="center" vertical="center"/>
    </xf>
    <xf numFmtId="0" fontId="18" fillId="0" borderId="57" xfId="9" applyFont="1" applyBorder="1" applyAlignment="1">
      <alignment vertical="top" wrapText="1"/>
    </xf>
    <xf numFmtId="49" fontId="23" fillId="0" borderId="53" xfId="8" applyNumberFormat="1" applyFont="1" applyBorder="1" applyAlignment="1">
      <alignment vertical="top"/>
    </xf>
    <xf numFmtId="0" fontId="18" fillId="0" borderId="59" xfId="9" applyFont="1" applyBorder="1" applyAlignment="1">
      <alignment vertical="top" wrapText="1"/>
    </xf>
    <xf numFmtId="0" fontId="23" fillId="0" borderId="21" xfId="8" applyFont="1" applyBorder="1" applyAlignment="1">
      <alignment vertical="top" wrapText="1"/>
    </xf>
    <xf numFmtId="0" fontId="17" fillId="3" borderId="21" xfId="9" applyFont="1" applyFill="1" applyBorder="1" applyAlignment="1">
      <alignment horizontal="center" vertical="center"/>
    </xf>
    <xf numFmtId="0" fontId="18" fillId="4" borderId="0" xfId="9" applyFont="1" applyFill="1" applyBorder="1" applyAlignment="1">
      <alignment vertical="top" wrapText="1"/>
    </xf>
    <xf numFmtId="0" fontId="23" fillId="4" borderId="0" xfId="8" applyFont="1" applyFill="1" applyBorder="1" applyAlignment="1">
      <alignment vertical="top" wrapText="1"/>
    </xf>
    <xf numFmtId="0" fontId="17" fillId="4" borderId="0" xfId="9" applyFont="1" applyFill="1" applyBorder="1" applyAlignment="1">
      <alignment horizontal="center" vertical="center"/>
    </xf>
    <xf numFmtId="56" fontId="25" fillId="0" borderId="0" xfId="9" applyNumberFormat="1" applyFont="1" applyFill="1" applyBorder="1" applyAlignment="1">
      <alignment vertical="top"/>
    </xf>
    <xf numFmtId="0" fontId="17" fillId="0" borderId="0" xfId="9" applyFont="1" applyBorder="1" applyAlignment="1">
      <alignment vertical="top" wrapText="1"/>
    </xf>
    <xf numFmtId="0" fontId="17" fillId="0" borderId="0" xfId="9" applyFont="1" applyBorder="1" applyAlignment="1">
      <alignment horizontal="center" vertical="center"/>
    </xf>
    <xf numFmtId="0" fontId="23" fillId="0" borderId="4" xfId="7" applyFont="1" applyBorder="1" applyAlignment="1">
      <alignment vertical="top" wrapText="1"/>
    </xf>
    <xf numFmtId="0" fontId="23" fillId="0" borderId="53" xfId="7" applyFont="1" applyBorder="1" applyAlignment="1">
      <alignment vertical="top" wrapText="1"/>
    </xf>
    <xf numFmtId="0" fontId="17" fillId="3" borderId="60" xfId="9" applyFont="1" applyFill="1" applyBorder="1" applyAlignment="1">
      <alignment horizontal="center" vertical="center"/>
    </xf>
    <xf numFmtId="0" fontId="17" fillId="0" borderId="60" xfId="9" applyFont="1" applyBorder="1" applyAlignment="1">
      <alignment horizontal="center" vertical="center"/>
    </xf>
    <xf numFmtId="49" fontId="23" fillId="0" borderId="11" xfId="7" applyNumberFormat="1" applyFont="1" applyBorder="1" applyAlignment="1">
      <alignment vertical="top"/>
    </xf>
    <xf numFmtId="49" fontId="23" fillId="0" borderId="50" xfId="7" applyNumberFormat="1" applyFont="1" applyBorder="1" applyAlignment="1">
      <alignment vertical="top"/>
    </xf>
    <xf numFmtId="49" fontId="23" fillId="0" borderId="53" xfId="7" applyNumberFormat="1" applyFont="1" applyBorder="1" applyAlignment="1">
      <alignment vertical="top" wrapText="1"/>
    </xf>
    <xf numFmtId="0" fontId="17" fillId="0" borderId="53" xfId="9" applyFont="1" applyFill="1" applyBorder="1" applyAlignment="1">
      <alignment horizontal="center" vertical="center"/>
    </xf>
    <xf numFmtId="0" fontId="18" fillId="0" borderId="84" xfId="9" applyFont="1" applyBorder="1" applyAlignment="1">
      <alignment vertical="top" wrapText="1"/>
    </xf>
    <xf numFmtId="0" fontId="17" fillId="3" borderId="79" xfId="9" applyFont="1" applyFill="1" applyBorder="1" applyAlignment="1">
      <alignment horizontal="center" vertical="center"/>
    </xf>
    <xf numFmtId="49" fontId="17" fillId="0" borderId="0" xfId="7" applyNumberFormat="1" applyFont="1" applyBorder="1" applyAlignment="1">
      <alignment vertical="top"/>
    </xf>
    <xf numFmtId="0" fontId="29" fillId="0" borderId="0" xfId="9" applyFont="1">
      <alignment vertical="center"/>
    </xf>
    <xf numFmtId="0" fontId="25" fillId="0" borderId="0" xfId="9" applyFont="1" applyAlignment="1">
      <alignment horizontal="left" vertical="top"/>
    </xf>
    <xf numFmtId="0" fontId="18" fillId="2" borderId="33" xfId="9" applyFont="1" applyFill="1" applyBorder="1" applyAlignment="1">
      <alignment vertical="center" wrapText="1"/>
    </xf>
    <xf numFmtId="0" fontId="18" fillId="2" borderId="8" xfId="9" applyFont="1" applyFill="1" applyBorder="1" applyAlignment="1">
      <alignment vertical="center" wrapText="1"/>
    </xf>
    <xf numFmtId="0" fontId="23" fillId="0" borderId="11" xfId="9" applyFont="1" applyBorder="1" applyAlignment="1">
      <alignment vertical="top" wrapText="1"/>
    </xf>
    <xf numFmtId="0" fontId="17" fillId="5" borderId="53" xfId="9" applyFont="1" applyFill="1" applyBorder="1" applyAlignment="1">
      <alignment horizontal="center" vertical="center"/>
    </xf>
    <xf numFmtId="0" fontId="23" fillId="0" borderId="50" xfId="9" applyFont="1" applyBorder="1" applyAlignment="1">
      <alignment vertical="top" wrapText="1"/>
    </xf>
    <xf numFmtId="0" fontId="23" fillId="0" borderId="62" xfId="9" applyFont="1" applyBorder="1" applyAlignment="1">
      <alignment vertical="top" wrapText="1"/>
    </xf>
    <xf numFmtId="0" fontId="17" fillId="3" borderId="51" xfId="9" applyFont="1" applyFill="1" applyBorder="1" applyAlignment="1">
      <alignment horizontal="center" vertical="center"/>
    </xf>
    <xf numFmtId="0" fontId="17" fillId="3" borderId="63" xfId="9" applyFont="1" applyFill="1" applyBorder="1" applyAlignment="1">
      <alignment horizontal="center" vertical="center"/>
    </xf>
    <xf numFmtId="0" fontId="17" fillId="3" borderId="12" xfId="9" applyFont="1" applyFill="1" applyBorder="1" applyAlignment="1">
      <alignment horizontal="center" vertical="center"/>
    </xf>
    <xf numFmtId="0" fontId="18" fillId="0" borderId="67" xfId="9" applyFont="1" applyBorder="1" applyAlignment="1">
      <alignment vertical="top"/>
    </xf>
    <xf numFmtId="49" fontId="23" fillId="0" borderId="61" xfId="7" applyNumberFormat="1" applyFont="1" applyBorder="1" applyAlignment="1">
      <alignment vertical="top"/>
    </xf>
    <xf numFmtId="0" fontId="23" fillId="0" borderId="64" xfId="9" applyFont="1" applyBorder="1" applyAlignment="1">
      <alignment vertical="top" wrapText="1"/>
    </xf>
    <xf numFmtId="0" fontId="17" fillId="3" borderId="52" xfId="9" applyFont="1" applyFill="1" applyBorder="1" applyAlignment="1">
      <alignment horizontal="center" vertical="center"/>
    </xf>
    <xf numFmtId="0" fontId="17" fillId="3" borderId="65" xfId="9" applyFont="1" applyFill="1" applyBorder="1" applyAlignment="1">
      <alignment horizontal="center" vertical="center"/>
    </xf>
    <xf numFmtId="0" fontId="18" fillId="0" borderId="67" xfId="9" applyFont="1" applyBorder="1" applyAlignment="1">
      <alignment vertical="top" wrapText="1"/>
    </xf>
    <xf numFmtId="0" fontId="18" fillId="0" borderId="57" xfId="9" applyFont="1" applyBorder="1" applyAlignment="1">
      <alignment vertical="top" shrinkToFit="1"/>
    </xf>
    <xf numFmtId="0" fontId="18" fillId="0" borderId="57" xfId="9" applyFont="1" applyBorder="1" applyAlignment="1">
      <alignment vertical="top" wrapText="1" shrinkToFit="1"/>
    </xf>
    <xf numFmtId="0" fontId="23" fillId="0" borderId="53" xfId="9" applyFont="1" applyBorder="1" applyAlignment="1">
      <alignment vertical="center" wrapText="1"/>
    </xf>
    <xf numFmtId="0" fontId="18" fillId="0" borderId="57" xfId="9" applyFont="1" applyFill="1" applyBorder="1" applyAlignment="1">
      <alignment vertical="top" wrapText="1"/>
    </xf>
    <xf numFmtId="0" fontId="18" fillId="0" borderId="67" xfId="9" applyFont="1" applyFill="1" applyBorder="1" applyAlignment="1">
      <alignment vertical="top" wrapText="1"/>
    </xf>
    <xf numFmtId="0" fontId="18" fillId="0" borderId="17" xfId="9" applyFont="1" applyFill="1" applyBorder="1" applyAlignment="1">
      <alignment vertical="top" wrapText="1"/>
    </xf>
    <xf numFmtId="0" fontId="23" fillId="0" borderId="11" xfId="7" applyFont="1" applyBorder="1" applyAlignment="1">
      <alignment vertical="top" wrapText="1"/>
    </xf>
    <xf numFmtId="0" fontId="17" fillId="4" borderId="0" xfId="9" applyFont="1" applyFill="1">
      <alignment vertical="center"/>
    </xf>
    <xf numFmtId="0" fontId="23" fillId="4" borderId="0" xfId="9" applyFont="1" applyFill="1" applyBorder="1" applyAlignment="1">
      <alignment vertical="top" wrapText="1"/>
    </xf>
    <xf numFmtId="0" fontId="18" fillId="0" borderId="16" xfId="9" applyFont="1" applyFill="1" applyBorder="1" applyAlignment="1">
      <alignment vertical="center" wrapText="1"/>
    </xf>
    <xf numFmtId="0" fontId="23" fillId="0" borderId="69" xfId="9" applyFont="1" applyFill="1" applyBorder="1" applyAlignment="1">
      <alignment vertical="center" wrapText="1"/>
    </xf>
    <xf numFmtId="0" fontId="18" fillId="0" borderId="54" xfId="9" applyFont="1" applyFill="1" applyBorder="1" applyAlignment="1">
      <alignment vertical="center" wrapText="1"/>
    </xf>
    <xf numFmtId="0" fontId="18" fillId="0" borderId="3" xfId="9" applyFont="1" applyFill="1" applyBorder="1" applyAlignment="1">
      <alignment vertical="center" wrapText="1"/>
    </xf>
    <xf numFmtId="0" fontId="18" fillId="0" borderId="54" xfId="0" applyFont="1" applyFill="1" applyBorder="1" applyAlignment="1">
      <alignment vertical="center" wrapText="1"/>
    </xf>
    <xf numFmtId="49" fontId="23" fillId="0" borderId="53" xfId="7" applyNumberFormat="1" applyFont="1" applyFill="1" applyBorder="1" applyAlignment="1">
      <alignment vertical="center"/>
    </xf>
    <xf numFmtId="0" fontId="18" fillId="0" borderId="57" xfId="9" applyFont="1" applyFill="1" applyBorder="1" applyAlignment="1">
      <alignment vertical="center" wrapText="1"/>
    </xf>
    <xf numFmtId="0" fontId="31" fillId="0" borderId="3" xfId="9" applyFont="1" applyFill="1" applyBorder="1" applyAlignment="1">
      <alignment vertical="center" wrapText="1"/>
    </xf>
    <xf numFmtId="0" fontId="31" fillId="0" borderId="54" xfId="9" applyFont="1" applyFill="1" applyBorder="1" applyAlignment="1">
      <alignment vertical="center" wrapText="1"/>
    </xf>
    <xf numFmtId="0" fontId="18" fillId="0" borderId="22" xfId="9" applyFont="1" applyBorder="1" applyAlignment="1">
      <alignment vertical="top" wrapText="1"/>
    </xf>
    <xf numFmtId="0" fontId="17" fillId="0" borderId="0" xfId="9" applyFont="1" applyAlignment="1">
      <alignment horizontal="right" vertical="top" wrapText="1"/>
    </xf>
    <xf numFmtId="0" fontId="23" fillId="0" borderId="13" xfId="7" applyFont="1" applyBorder="1" applyAlignment="1">
      <alignment vertical="top" wrapText="1"/>
    </xf>
    <xf numFmtId="0" fontId="23" fillId="0" borderId="21" xfId="9" applyFont="1" applyBorder="1" applyAlignment="1">
      <alignment vertical="top" wrapText="1"/>
    </xf>
    <xf numFmtId="0" fontId="18" fillId="0" borderId="0" xfId="9" applyFont="1" applyFill="1" applyBorder="1" applyAlignment="1">
      <alignment vertical="top"/>
    </xf>
    <xf numFmtId="0" fontId="23" fillId="0" borderId="0" xfId="7" applyFont="1" applyFill="1" applyBorder="1" applyAlignment="1">
      <alignment vertical="top"/>
    </xf>
    <xf numFmtId="0" fontId="25" fillId="0" borderId="23" xfId="9" applyFont="1" applyBorder="1" applyAlignment="1">
      <alignment vertical="top"/>
    </xf>
    <xf numFmtId="0" fontId="25" fillId="0" borderId="0" xfId="9" applyFont="1" applyAlignment="1">
      <alignment vertical="top" wrapText="1"/>
    </xf>
    <xf numFmtId="0" fontId="23" fillId="0" borderId="21" xfId="7" applyFont="1" applyBorder="1" applyAlignment="1">
      <alignment vertical="top" wrapText="1"/>
    </xf>
    <xf numFmtId="0" fontId="23" fillId="0" borderId="69" xfId="9" applyFont="1" applyBorder="1" applyAlignment="1">
      <alignment vertical="top" wrapText="1"/>
    </xf>
    <xf numFmtId="0" fontId="17" fillId="0" borderId="69" xfId="9" applyFont="1" applyFill="1" applyBorder="1" applyAlignment="1">
      <alignment horizontal="center" vertical="center"/>
    </xf>
    <xf numFmtId="0" fontId="32" fillId="0" borderId="4" xfId="9" applyFont="1" applyBorder="1" applyAlignment="1">
      <alignment vertical="top" wrapText="1"/>
    </xf>
    <xf numFmtId="0" fontId="32" fillId="0" borderId="53" xfId="9" applyFont="1" applyBorder="1" applyAlignment="1">
      <alignment vertical="top" wrapText="1"/>
    </xf>
    <xf numFmtId="0" fontId="17" fillId="0" borderId="4" xfId="9" applyFont="1" applyFill="1" applyBorder="1" applyAlignment="1">
      <alignment horizontal="center" vertical="center"/>
    </xf>
    <xf numFmtId="0" fontId="18" fillId="0" borderId="3" xfId="8" applyFont="1" applyFill="1" applyBorder="1" applyAlignment="1">
      <alignment vertical="center" wrapText="1"/>
    </xf>
    <xf numFmtId="0" fontId="17" fillId="3" borderId="72" xfId="9" applyFont="1" applyFill="1" applyBorder="1" applyAlignment="1">
      <alignment horizontal="center" vertical="center"/>
    </xf>
    <xf numFmtId="0" fontId="1" fillId="0" borderId="0" xfId="8" applyFont="1"/>
    <xf numFmtId="0" fontId="17" fillId="3" borderId="73" xfId="9" applyFont="1" applyFill="1" applyBorder="1" applyAlignment="1">
      <alignment horizontal="center" vertical="center"/>
    </xf>
    <xf numFmtId="0" fontId="18" fillId="0" borderId="22" xfId="8" applyFont="1" applyFill="1" applyBorder="1" applyAlignment="1">
      <alignment vertical="center" wrapText="1"/>
    </xf>
    <xf numFmtId="0" fontId="23" fillId="0" borderId="26" xfId="8" applyFont="1" applyFill="1" applyBorder="1" applyAlignment="1">
      <alignment vertical="center" wrapText="1"/>
    </xf>
    <xf numFmtId="0" fontId="17" fillId="3" borderId="60" xfId="9" applyFont="1" applyFill="1" applyBorder="1" applyAlignment="1">
      <alignment vertical="center"/>
    </xf>
    <xf numFmtId="0" fontId="25" fillId="0" borderId="0" xfId="8" applyFont="1" applyAlignment="1">
      <alignment vertical="center"/>
    </xf>
    <xf numFmtId="0" fontId="17" fillId="0" borderId="0" xfId="8" applyFont="1" applyAlignment="1">
      <alignment vertical="center"/>
    </xf>
    <xf numFmtId="0" fontId="17" fillId="0" borderId="0" xfId="8" applyFont="1" applyAlignment="1">
      <alignment horizontal="center" vertical="center"/>
    </xf>
    <xf numFmtId="0" fontId="8" fillId="2" borderId="4" xfId="9" applyFont="1" applyFill="1" applyBorder="1" applyAlignment="1">
      <alignment horizontal="center" vertical="center" wrapText="1"/>
    </xf>
    <xf numFmtId="0" fontId="18" fillId="0" borderId="76" xfId="9" applyFont="1" applyBorder="1" applyAlignment="1">
      <alignment vertical="top" wrapText="1"/>
    </xf>
    <xf numFmtId="0" fontId="17" fillId="3" borderId="75" xfId="9" applyFont="1" applyFill="1" applyBorder="1" applyAlignment="1">
      <alignment horizontal="center" vertical="center"/>
    </xf>
    <xf numFmtId="0" fontId="17" fillId="0" borderId="75" xfId="9" applyFont="1" applyBorder="1" applyAlignment="1">
      <alignment horizontal="center" vertical="center"/>
    </xf>
    <xf numFmtId="0" fontId="17" fillId="0" borderId="55" xfId="9" applyFont="1" applyBorder="1" applyAlignment="1">
      <alignment vertical="center"/>
    </xf>
    <xf numFmtId="0" fontId="18" fillId="0" borderId="74" xfId="9" applyFont="1" applyBorder="1" applyAlignment="1">
      <alignment vertical="top" wrapText="1"/>
    </xf>
    <xf numFmtId="0" fontId="23" fillId="0" borderId="77" xfId="8" applyFont="1" applyBorder="1" applyAlignment="1">
      <alignment vertical="center" wrapText="1"/>
    </xf>
    <xf numFmtId="0" fontId="18" fillId="0" borderId="28" xfId="9" applyFont="1" applyBorder="1" applyAlignment="1">
      <alignment vertical="top" wrapText="1"/>
    </xf>
    <xf numFmtId="0" fontId="23" fillId="0" borderId="72" xfId="8" applyFont="1" applyBorder="1" applyAlignment="1">
      <alignment vertical="center" wrapText="1"/>
    </xf>
    <xf numFmtId="0" fontId="18" fillId="0" borderId="28" xfId="8" applyFont="1" applyBorder="1" applyAlignment="1">
      <alignment vertical="center" wrapText="1"/>
    </xf>
    <xf numFmtId="0" fontId="23" fillId="0" borderId="73" xfId="8" applyFont="1" applyBorder="1" applyAlignment="1">
      <alignment vertical="center" wrapText="1"/>
    </xf>
    <xf numFmtId="0" fontId="18" fillId="0" borderId="78" xfId="8" applyFont="1" applyBorder="1" applyAlignment="1">
      <alignment vertical="center" wrapText="1"/>
    </xf>
    <xf numFmtId="0" fontId="18" fillId="0" borderId="58" xfId="8" applyFont="1" applyBorder="1" applyAlignment="1">
      <alignment vertical="center" wrapText="1"/>
    </xf>
    <xf numFmtId="0" fontId="23" fillId="0" borderId="53" xfId="8" applyFont="1" applyBorder="1" applyAlignment="1">
      <alignment vertical="center" wrapText="1"/>
    </xf>
    <xf numFmtId="0" fontId="18" fillId="0" borderId="78" xfId="0" applyFont="1" applyFill="1" applyBorder="1" applyAlignment="1">
      <alignment vertical="center" wrapText="1"/>
    </xf>
    <xf numFmtId="0" fontId="23" fillId="0" borderId="73" xfId="0" applyFont="1" applyBorder="1" applyAlignment="1">
      <alignment vertical="center" wrapText="1"/>
    </xf>
    <xf numFmtId="0" fontId="1" fillId="0" borderId="0" xfId="0" applyFont="1">
      <alignment vertical="center"/>
    </xf>
    <xf numFmtId="0" fontId="18" fillId="0" borderId="29" xfId="0" applyFont="1" applyFill="1" applyBorder="1" applyAlignment="1">
      <alignment vertical="center" wrapText="1"/>
    </xf>
    <xf numFmtId="0" fontId="23" fillId="0" borderId="26" xfId="0" applyFont="1" applyBorder="1" applyAlignment="1">
      <alignment vertical="center" wrapText="1"/>
    </xf>
    <xf numFmtId="0" fontId="17" fillId="0" borderId="20" xfId="9" applyFont="1" applyBorder="1" applyAlignment="1">
      <alignment vertical="top" wrapText="1"/>
    </xf>
    <xf numFmtId="0" fontId="17" fillId="0" borderId="20" xfId="9" applyFont="1" applyBorder="1" applyAlignment="1">
      <alignment horizontal="center" vertical="center"/>
    </xf>
    <xf numFmtId="0" fontId="18" fillId="0" borderId="74" xfId="8" applyFont="1" applyFill="1" applyBorder="1" applyAlignment="1">
      <alignment vertical="top" wrapText="1"/>
    </xf>
    <xf numFmtId="0" fontId="23" fillId="0" borderId="81" xfId="8" applyFont="1" applyFill="1" applyBorder="1" applyAlignment="1">
      <alignment vertical="center" wrapText="1"/>
    </xf>
    <xf numFmtId="0" fontId="17" fillId="0" borderId="82" xfId="9" applyFont="1" applyBorder="1" applyAlignment="1">
      <alignment vertical="center"/>
    </xf>
    <xf numFmtId="0" fontId="18" fillId="0" borderId="19" xfId="8" applyFont="1" applyFill="1" applyBorder="1" applyAlignment="1">
      <alignment vertical="top" wrapText="1"/>
    </xf>
    <xf numFmtId="0" fontId="23" fillId="0" borderId="80" xfId="8" applyFont="1" applyFill="1" applyBorder="1" applyAlignment="1">
      <alignment vertical="center" wrapText="1"/>
    </xf>
    <xf numFmtId="0" fontId="23" fillId="0" borderId="4" xfId="9" applyFont="1" applyFill="1" applyBorder="1" applyAlignment="1">
      <alignment vertical="center" wrapText="1"/>
    </xf>
    <xf numFmtId="0" fontId="17" fillId="0" borderId="0" xfId="9" applyFont="1" applyFill="1">
      <alignment vertical="center"/>
    </xf>
    <xf numFmtId="0" fontId="18" fillId="0" borderId="17" xfId="9" applyFont="1" applyFill="1" applyBorder="1" applyAlignment="1">
      <alignment vertical="center" wrapText="1"/>
    </xf>
    <xf numFmtId="0" fontId="23" fillId="0" borderId="50" xfId="9" applyFont="1" applyFill="1" applyBorder="1" applyAlignment="1">
      <alignment vertical="center" wrapText="1"/>
    </xf>
    <xf numFmtId="0" fontId="18" fillId="0" borderId="57" xfId="9" applyFont="1" applyFill="1" applyBorder="1" applyAlignment="1">
      <alignment horizontal="center" vertical="center" wrapText="1"/>
    </xf>
    <xf numFmtId="0" fontId="23" fillId="0" borderId="53" xfId="9" applyFont="1" applyFill="1" applyBorder="1" applyAlignment="1">
      <alignment horizontal="center" vertical="center" wrapText="1"/>
    </xf>
    <xf numFmtId="0" fontId="18" fillId="0" borderId="16" xfId="9" applyFont="1" applyFill="1" applyBorder="1" applyAlignment="1">
      <alignment vertical="top" wrapText="1"/>
    </xf>
    <xf numFmtId="0" fontId="25" fillId="0" borderId="0" xfId="9" applyFont="1" applyBorder="1" applyAlignment="1">
      <alignment vertical="top"/>
    </xf>
    <xf numFmtId="0" fontId="17" fillId="0" borderId="0" xfId="7" applyFont="1" applyBorder="1" applyAlignment="1">
      <alignment vertical="top" wrapText="1"/>
    </xf>
    <xf numFmtId="0" fontId="18" fillId="0" borderId="54" xfId="9" applyFont="1" applyBorder="1" applyAlignment="1">
      <alignment horizontal="right" vertical="top" wrapText="1"/>
    </xf>
    <xf numFmtId="0" fontId="18" fillId="0" borderId="17" xfId="9" applyFont="1" applyBorder="1" applyAlignment="1">
      <alignment horizontal="right" vertical="top" wrapText="1"/>
    </xf>
    <xf numFmtId="0" fontId="8" fillId="2" borderId="46" xfId="9" applyFont="1" applyFill="1" applyBorder="1" applyAlignment="1">
      <alignment horizontal="center" vertical="center" wrapText="1"/>
    </xf>
    <xf numFmtId="0" fontId="23" fillId="0" borderId="13" xfId="0" applyFont="1" applyBorder="1" applyAlignment="1">
      <alignment vertical="top"/>
    </xf>
    <xf numFmtId="49" fontId="23" fillId="0" borderId="53" xfId="8" applyNumberFormat="1" applyFont="1" applyBorder="1" applyAlignment="1">
      <alignment vertical="top" wrapText="1"/>
    </xf>
    <xf numFmtId="49" fontId="23" fillId="0" borderId="13" xfId="8" applyNumberFormat="1" applyFont="1" applyBorder="1" applyAlignment="1">
      <alignment vertical="top" wrapText="1"/>
    </xf>
    <xf numFmtId="0" fontId="17" fillId="3" borderId="66" xfId="9" applyFont="1" applyFill="1" applyBorder="1" applyAlignment="1">
      <alignment horizontal="center" vertical="center"/>
    </xf>
    <xf numFmtId="0" fontId="23" fillId="0" borderId="71" xfId="9" applyFont="1" applyBorder="1" applyAlignment="1">
      <alignment vertical="top" wrapText="1"/>
    </xf>
    <xf numFmtId="0" fontId="23" fillId="0" borderId="57" xfId="9" applyFont="1" applyBorder="1" applyAlignment="1">
      <alignment vertical="top" wrapText="1"/>
    </xf>
    <xf numFmtId="0" fontId="23" fillId="0" borderId="19" xfId="9" applyFont="1" applyBorder="1" applyAlignment="1">
      <alignment vertical="top" wrapText="1"/>
    </xf>
    <xf numFmtId="0" fontId="23" fillId="0" borderId="75" xfId="9" applyFont="1" applyBorder="1" applyAlignment="1">
      <alignment vertical="top" wrapText="1"/>
    </xf>
    <xf numFmtId="0" fontId="23" fillId="0" borderId="71" xfId="9" applyFont="1" applyFill="1" applyBorder="1" applyAlignment="1">
      <alignment vertical="center" wrapText="1"/>
    </xf>
    <xf numFmtId="0" fontId="18" fillId="0" borderId="67" xfId="9" applyFont="1" applyFill="1" applyBorder="1" applyAlignment="1">
      <alignment vertical="center" wrapText="1"/>
    </xf>
    <xf numFmtId="0" fontId="17" fillId="3" borderId="14" xfId="9" applyFont="1" applyFill="1" applyBorder="1" applyAlignment="1">
      <alignment vertical="center"/>
    </xf>
    <xf numFmtId="0" fontId="18" fillId="0" borderId="17" xfId="8" applyFont="1" applyFill="1" applyBorder="1" applyAlignment="1">
      <alignment vertical="center" wrapText="1"/>
    </xf>
    <xf numFmtId="0" fontId="23" fillId="0" borderId="61" xfId="9" applyFont="1" applyBorder="1" applyAlignment="1">
      <alignment vertical="top" wrapText="1"/>
    </xf>
    <xf numFmtId="0" fontId="18" fillId="4" borderId="16" xfId="9" applyFont="1" applyFill="1" applyBorder="1" applyAlignment="1">
      <alignment horizontal="left" vertical="center" wrapText="1"/>
    </xf>
    <xf numFmtId="0" fontId="23" fillId="4" borderId="71" xfId="9" applyFont="1" applyFill="1" applyBorder="1" applyAlignment="1">
      <alignment vertical="top" wrapText="1"/>
    </xf>
    <xf numFmtId="0" fontId="23" fillId="0" borderId="27" xfId="8" applyFont="1" applyBorder="1" applyAlignment="1">
      <alignment vertical="center" wrapText="1"/>
    </xf>
    <xf numFmtId="0" fontId="18" fillId="0" borderId="83" xfId="9" applyFont="1" applyBorder="1" applyAlignment="1">
      <alignment vertical="top" wrapText="1"/>
    </xf>
    <xf numFmtId="0" fontId="18" fillId="0" borderId="74" xfId="9" applyFont="1" applyFill="1" applyBorder="1" applyAlignment="1">
      <alignment vertical="top" wrapText="1"/>
    </xf>
    <xf numFmtId="0" fontId="8" fillId="2" borderId="34" xfId="9" applyFont="1" applyFill="1" applyBorder="1" applyAlignment="1">
      <alignment horizontal="center" vertical="center" wrapText="1"/>
    </xf>
    <xf numFmtId="0" fontId="23" fillId="0" borderId="49" xfId="9" applyFont="1" applyBorder="1" applyAlignment="1">
      <alignment vertical="top" wrapText="1"/>
    </xf>
    <xf numFmtId="49" fontId="23" fillId="0" borderId="21" xfId="7" applyNumberFormat="1" applyFont="1" applyBorder="1" applyAlignment="1">
      <alignment vertical="top"/>
    </xf>
    <xf numFmtId="0" fontId="25" fillId="0" borderId="0" xfId="11" applyFont="1"/>
    <xf numFmtId="0" fontId="34" fillId="4" borderId="0" xfId="11" applyFont="1" applyFill="1" applyBorder="1" applyAlignment="1">
      <alignment vertical="center" wrapText="1"/>
    </xf>
    <xf numFmtId="0" fontId="34" fillId="0" borderId="0" xfId="11" applyFont="1" applyFill="1" applyBorder="1" applyAlignment="1">
      <alignment vertical="center" wrapText="1"/>
    </xf>
    <xf numFmtId="0" fontId="34" fillId="0" borderId="0" xfId="11" applyFont="1" applyFill="1" applyBorder="1" applyAlignment="1">
      <alignment horizontal="center" vertical="center" wrapText="1"/>
    </xf>
    <xf numFmtId="0" fontId="35" fillId="0" borderId="0" xfId="11" applyFont="1"/>
    <xf numFmtId="0" fontId="25" fillId="4" borderId="0" xfId="11" applyFont="1" applyFill="1" applyBorder="1" applyAlignment="1">
      <alignment vertical="center"/>
    </xf>
    <xf numFmtId="0" fontId="25" fillId="4" borderId="0" xfId="11" applyFont="1" applyFill="1" applyBorder="1" applyAlignment="1">
      <alignment vertical="center" wrapText="1"/>
    </xf>
    <xf numFmtId="0" fontId="34" fillId="0" borderId="0" xfId="11" applyFont="1" applyFill="1" applyBorder="1" applyAlignment="1">
      <alignment vertical="center"/>
    </xf>
    <xf numFmtId="0" fontId="18" fillId="6" borderId="10" xfId="11" applyFont="1" applyFill="1" applyBorder="1" applyAlignment="1">
      <alignment horizontal="center" vertical="center" wrapText="1"/>
    </xf>
    <xf numFmtId="0" fontId="18" fillId="4" borderId="47" xfId="11" applyFont="1" applyFill="1" applyBorder="1" applyAlignment="1">
      <alignment vertical="center" wrapText="1"/>
    </xf>
    <xf numFmtId="0" fontId="23" fillId="4" borderId="75" xfId="11" applyFont="1" applyFill="1" applyBorder="1" applyAlignment="1">
      <alignment vertical="center" wrapText="1"/>
    </xf>
    <xf numFmtId="0" fontId="23" fillId="3" borderId="49" xfId="11" applyFont="1" applyFill="1" applyBorder="1" applyAlignment="1">
      <alignment vertical="center" wrapText="1"/>
    </xf>
    <xf numFmtId="0" fontId="18" fillId="4" borderId="3" xfId="11" applyFont="1" applyFill="1" applyBorder="1" applyAlignment="1">
      <alignment vertical="center" wrapText="1"/>
    </xf>
    <xf numFmtId="0" fontId="23" fillId="4" borderId="11" xfId="11" applyFont="1" applyFill="1" applyBorder="1" applyAlignment="1">
      <alignment vertical="center" wrapText="1"/>
    </xf>
    <xf numFmtId="0" fontId="23" fillId="4" borderId="61" xfId="11" applyFont="1" applyFill="1" applyBorder="1" applyAlignment="1">
      <alignment vertical="center" wrapText="1"/>
    </xf>
    <xf numFmtId="0" fontId="23" fillId="4" borderId="53" xfId="11" applyFont="1" applyFill="1" applyBorder="1" applyAlignment="1">
      <alignment vertical="center" wrapText="1"/>
    </xf>
    <xf numFmtId="0" fontId="23" fillId="4" borderId="89" xfId="11" applyFont="1" applyFill="1" applyBorder="1" applyAlignment="1">
      <alignment vertical="center" wrapText="1"/>
    </xf>
    <xf numFmtId="0" fontId="18" fillId="4" borderId="84" xfId="11" applyFont="1" applyFill="1" applyBorder="1" applyAlignment="1">
      <alignment vertical="center" wrapText="1"/>
    </xf>
    <xf numFmtId="0" fontId="23" fillId="4" borderId="23" xfId="11" applyFont="1" applyFill="1" applyBorder="1" applyAlignment="1">
      <alignment vertical="center" wrapText="1"/>
    </xf>
    <xf numFmtId="0" fontId="23" fillId="3" borderId="21" xfId="11" applyFont="1" applyFill="1" applyBorder="1" applyAlignment="1">
      <alignment vertical="center" wrapText="1"/>
    </xf>
    <xf numFmtId="0" fontId="23" fillId="3" borderId="79" xfId="11" applyFont="1" applyFill="1" applyBorder="1" applyAlignment="1">
      <alignment horizontal="center" vertical="center" wrapText="1"/>
    </xf>
    <xf numFmtId="0" fontId="34" fillId="4" borderId="0" xfId="11" applyFont="1" applyFill="1" applyBorder="1" applyAlignment="1">
      <alignment horizontal="center" vertical="center" wrapText="1"/>
    </xf>
    <xf numFmtId="0" fontId="18" fillId="4" borderId="0" xfId="11" applyFont="1" applyFill="1" applyBorder="1" applyAlignment="1">
      <alignment vertical="center" wrapText="1"/>
    </xf>
    <xf numFmtId="0" fontId="18" fillId="4" borderId="0" xfId="11" applyFont="1" applyFill="1" applyBorder="1" applyAlignment="1">
      <alignment horizontal="center" vertical="center" wrapText="1"/>
    </xf>
    <xf numFmtId="0" fontId="18" fillId="6" borderId="7" xfId="11" applyFont="1" applyFill="1" applyBorder="1" applyAlignment="1">
      <alignment horizontal="center" vertical="center" wrapText="1"/>
    </xf>
    <xf numFmtId="0" fontId="18" fillId="4" borderId="47" xfId="11" applyFont="1" applyFill="1" applyBorder="1" applyAlignment="1">
      <alignment horizontal="left" vertical="top" wrapText="1"/>
    </xf>
    <xf numFmtId="0" fontId="18" fillId="4" borderId="17" xfId="11" applyFont="1" applyFill="1" applyBorder="1" applyAlignment="1">
      <alignment vertical="center" wrapText="1"/>
    </xf>
    <xf numFmtId="0" fontId="23" fillId="0" borderId="70" xfId="11" applyFont="1" applyFill="1" applyBorder="1" applyAlignment="1">
      <alignment vertical="center" wrapText="1"/>
    </xf>
    <xf numFmtId="0" fontId="18" fillId="4" borderId="54" xfId="11" applyFont="1" applyFill="1" applyBorder="1" applyAlignment="1">
      <alignment vertical="center" wrapText="1"/>
    </xf>
    <xf numFmtId="0" fontId="23" fillId="4" borderId="70" xfId="11" applyFont="1" applyFill="1" applyBorder="1" applyAlignment="1">
      <alignment vertical="center" wrapText="1"/>
    </xf>
    <xf numFmtId="0" fontId="18" fillId="4" borderId="57" xfId="11" applyFont="1" applyFill="1" applyBorder="1" applyAlignment="1">
      <alignment vertical="center" wrapText="1"/>
    </xf>
    <xf numFmtId="0" fontId="23" fillId="3" borderId="53" xfId="11" applyFont="1" applyFill="1" applyBorder="1" applyAlignment="1">
      <alignment vertical="center" wrapText="1"/>
    </xf>
    <xf numFmtId="0" fontId="23" fillId="3" borderId="60" xfId="11" applyFont="1" applyFill="1" applyBorder="1" applyAlignment="1">
      <alignment horizontal="center" vertical="center" wrapText="1"/>
    </xf>
    <xf numFmtId="0" fontId="18" fillId="4" borderId="90" xfId="11" applyFont="1" applyFill="1" applyBorder="1" applyAlignment="1">
      <alignment horizontal="left" vertical="top" wrapText="1"/>
    </xf>
    <xf numFmtId="0" fontId="23" fillId="4" borderId="69" xfId="11" applyFont="1" applyFill="1" applyBorder="1" applyAlignment="1">
      <alignment vertical="center" wrapText="1"/>
    </xf>
    <xf numFmtId="0" fontId="23" fillId="4" borderId="91" xfId="11" applyFont="1" applyFill="1" applyBorder="1" applyAlignment="1">
      <alignment vertical="center" wrapText="1"/>
    </xf>
    <xf numFmtId="0" fontId="23" fillId="3" borderId="13" xfId="11" applyFont="1" applyFill="1" applyBorder="1" applyAlignment="1">
      <alignment vertical="center" wrapText="1"/>
    </xf>
    <xf numFmtId="0" fontId="23" fillId="3" borderId="14" xfId="11" applyFont="1" applyFill="1" applyBorder="1" applyAlignment="1">
      <alignment horizontal="center" vertical="center" wrapText="1"/>
    </xf>
    <xf numFmtId="0" fontId="18" fillId="6" borderId="46" xfId="11" applyFont="1" applyFill="1" applyBorder="1" applyAlignment="1">
      <alignment horizontal="center" vertical="center" wrapText="1"/>
    </xf>
    <xf numFmtId="0" fontId="18" fillId="6" borderId="8" xfId="11" applyFont="1" applyFill="1" applyBorder="1" applyAlignment="1">
      <alignment horizontal="center" vertical="center" wrapText="1"/>
    </xf>
    <xf numFmtId="0" fontId="18" fillId="4" borderId="16" xfId="11" applyFont="1" applyFill="1" applyBorder="1" applyAlignment="1">
      <alignment horizontal="left" vertical="top" wrapText="1"/>
    </xf>
    <xf numFmtId="0" fontId="23" fillId="4" borderId="0" xfId="11" applyFont="1" applyFill="1" applyBorder="1" applyAlignment="1">
      <alignment vertical="center" wrapText="1"/>
    </xf>
    <xf numFmtId="0" fontId="23" fillId="4" borderId="49" xfId="11" applyFont="1" applyFill="1" applyBorder="1" applyAlignment="1">
      <alignment vertical="center" wrapText="1"/>
    </xf>
    <xf numFmtId="0" fontId="23" fillId="0" borderId="61" xfId="11" applyFont="1" applyFill="1" applyBorder="1" applyAlignment="1">
      <alignment vertical="center" wrapText="1"/>
    </xf>
    <xf numFmtId="0" fontId="23" fillId="0" borderId="0" xfId="11" applyFont="1" applyFill="1" applyBorder="1" applyAlignment="1">
      <alignment vertical="center" wrapText="1"/>
    </xf>
    <xf numFmtId="0" fontId="23" fillId="4" borderId="92" xfId="11" applyFont="1" applyFill="1" applyBorder="1" applyAlignment="1">
      <alignment vertical="center" wrapText="1"/>
    </xf>
    <xf numFmtId="0" fontId="18" fillId="4" borderId="19" xfId="11" applyFont="1" applyFill="1" applyBorder="1" applyAlignment="1">
      <alignment vertical="center" wrapText="1"/>
    </xf>
    <xf numFmtId="0" fontId="25" fillId="4" borderId="0" xfId="11" applyFont="1" applyFill="1" applyBorder="1" applyAlignment="1">
      <alignment horizontal="left" vertical="center" wrapText="1"/>
    </xf>
    <xf numFmtId="0" fontId="18" fillId="4" borderId="0" xfId="11" applyFont="1" applyFill="1" applyBorder="1" applyAlignment="1">
      <alignment horizontal="left" vertical="center" wrapText="1"/>
    </xf>
    <xf numFmtId="0" fontId="35" fillId="0" borderId="0" xfId="11" applyFont="1" applyBorder="1"/>
    <xf numFmtId="0" fontId="18" fillId="4" borderId="74" xfId="11" applyFont="1" applyFill="1" applyBorder="1" applyAlignment="1">
      <alignment horizontal="left" vertical="top" wrapText="1"/>
    </xf>
    <xf numFmtId="0" fontId="23" fillId="4" borderId="81" xfId="11" applyFont="1" applyFill="1" applyBorder="1" applyAlignment="1">
      <alignment vertical="center" wrapText="1"/>
    </xf>
    <xf numFmtId="0" fontId="23" fillId="4" borderId="92" xfId="11" applyFont="1" applyFill="1" applyBorder="1" applyAlignment="1">
      <alignment horizontal="left" vertical="center" wrapText="1"/>
    </xf>
    <xf numFmtId="0" fontId="18" fillId="4" borderId="57" xfId="11" applyFont="1" applyFill="1" applyBorder="1" applyAlignment="1">
      <alignment horizontal="left" vertical="top" wrapText="1"/>
    </xf>
    <xf numFmtId="0" fontId="23" fillId="4" borderId="71" xfId="11" applyFont="1" applyFill="1" applyBorder="1" applyAlignment="1">
      <alignment vertical="center" wrapText="1"/>
    </xf>
    <xf numFmtId="0" fontId="18" fillId="4" borderId="17" xfId="11" applyFont="1" applyFill="1" applyBorder="1" applyAlignment="1">
      <alignment horizontal="left" vertical="top" wrapText="1"/>
    </xf>
    <xf numFmtId="0" fontId="23" fillId="4" borderId="94" xfId="11" applyFont="1" applyFill="1" applyBorder="1" applyAlignment="1">
      <alignment vertical="center" wrapText="1"/>
    </xf>
    <xf numFmtId="0" fontId="23" fillId="4" borderId="95" xfId="11" applyFont="1" applyFill="1" applyBorder="1" applyAlignment="1">
      <alignment vertical="center" wrapText="1"/>
    </xf>
    <xf numFmtId="0" fontId="23" fillId="4" borderId="96" xfId="11" applyFont="1" applyFill="1" applyBorder="1" applyAlignment="1">
      <alignment vertical="center" wrapText="1"/>
    </xf>
    <xf numFmtId="0" fontId="23" fillId="4" borderId="93" xfId="11" applyFont="1" applyFill="1" applyBorder="1" applyAlignment="1">
      <alignment horizontal="left" vertical="center" wrapText="1"/>
    </xf>
    <xf numFmtId="0" fontId="18" fillId="4" borderId="3" xfId="11" applyFont="1" applyFill="1" applyBorder="1" applyAlignment="1">
      <alignment horizontal="left" vertical="top" wrapText="1"/>
    </xf>
    <xf numFmtId="0" fontId="23" fillId="4" borderId="50" xfId="11" applyFont="1" applyFill="1" applyBorder="1" applyAlignment="1">
      <alignment vertical="center" wrapText="1"/>
    </xf>
    <xf numFmtId="0" fontId="18" fillId="4" borderId="99" xfId="11" applyFont="1" applyFill="1" applyBorder="1" applyAlignment="1">
      <alignment horizontal="left" vertical="top" wrapText="1"/>
    </xf>
    <xf numFmtId="0" fontId="18" fillId="4" borderId="58" xfId="11" applyFont="1" applyFill="1" applyBorder="1" applyAlignment="1">
      <alignment horizontal="left" vertical="top" wrapText="1"/>
    </xf>
    <xf numFmtId="0" fontId="18" fillId="4" borderId="3" xfId="11" applyFont="1" applyFill="1" applyBorder="1" applyAlignment="1">
      <alignment horizontal="left" vertical="center" wrapText="1" indent="1"/>
    </xf>
    <xf numFmtId="0" fontId="18" fillId="4" borderId="17" xfId="11" applyFont="1" applyFill="1" applyBorder="1" applyAlignment="1">
      <alignment horizontal="left" vertical="center" wrapText="1" indent="1"/>
    </xf>
    <xf numFmtId="0" fontId="18" fillId="4" borderId="90" xfId="11" applyFont="1" applyFill="1" applyBorder="1" applyAlignment="1">
      <alignment horizontal="left" vertical="center" wrapText="1" indent="1"/>
    </xf>
    <xf numFmtId="0" fontId="36" fillId="4" borderId="0" xfId="11" applyFont="1" applyFill="1" applyBorder="1" applyAlignment="1">
      <alignment horizontal="left" vertical="center" wrapText="1" indent="1"/>
    </xf>
    <xf numFmtId="0" fontId="36" fillId="4" borderId="0" xfId="11" applyFont="1" applyFill="1" applyBorder="1" applyAlignment="1">
      <alignment vertical="center" wrapText="1"/>
    </xf>
    <xf numFmtId="0" fontId="18" fillId="4" borderId="100" xfId="11" applyFont="1" applyFill="1" applyBorder="1" applyAlignment="1">
      <alignment horizontal="left" vertical="top" wrapText="1"/>
    </xf>
    <xf numFmtId="0" fontId="36" fillId="4" borderId="0" xfId="11" applyFont="1" applyFill="1" applyBorder="1" applyAlignment="1">
      <alignment horizontal="center" vertical="center" wrapText="1"/>
    </xf>
    <xf numFmtId="0" fontId="18" fillId="4" borderId="17" xfId="11" applyFont="1" applyFill="1" applyBorder="1" applyAlignment="1">
      <alignment horizontal="left" vertical="top" wrapText="1" indent="1"/>
    </xf>
    <xf numFmtId="0" fontId="18" fillId="4" borderId="90" xfId="11" applyFont="1" applyFill="1" applyBorder="1" applyAlignment="1">
      <alignment horizontal="left" vertical="top" wrapText="1" indent="1"/>
    </xf>
    <xf numFmtId="0" fontId="18" fillId="4" borderId="3" xfId="11" applyFont="1" applyFill="1" applyBorder="1" applyAlignment="1">
      <alignment horizontal="left" vertical="center" wrapText="1"/>
    </xf>
    <xf numFmtId="0" fontId="18" fillId="4" borderId="54" xfId="11" applyFont="1" applyFill="1" applyBorder="1" applyAlignment="1">
      <alignment horizontal="left" vertical="center" wrapText="1"/>
    </xf>
    <xf numFmtId="0" fontId="18" fillId="4" borderId="3" xfId="11" applyFont="1" applyFill="1" applyBorder="1" applyAlignment="1">
      <alignment horizontal="left" vertical="top" wrapText="1" indent="1"/>
    </xf>
    <xf numFmtId="0" fontId="23" fillId="4" borderId="60" xfId="11" applyFont="1" applyFill="1" applyBorder="1" applyAlignment="1">
      <alignment horizontal="center" vertical="center" wrapText="1"/>
    </xf>
    <xf numFmtId="0" fontId="18" fillId="4" borderId="17" xfId="11" applyFont="1" applyFill="1" applyBorder="1" applyAlignment="1">
      <alignment horizontal="left" vertical="top"/>
    </xf>
    <xf numFmtId="0" fontId="36" fillId="4" borderId="0" xfId="11" applyFont="1" applyFill="1" applyBorder="1" applyAlignment="1">
      <alignment vertical="center"/>
    </xf>
    <xf numFmtId="0" fontId="18" fillId="0" borderId="0" xfId="11" applyFont="1" applyFill="1" applyBorder="1" applyAlignment="1">
      <alignment vertical="center" wrapText="1"/>
    </xf>
    <xf numFmtId="0" fontId="18" fillId="0" borderId="0" xfId="11" applyFont="1" applyFill="1" applyBorder="1" applyAlignment="1">
      <alignment horizontal="center" vertical="center" wrapText="1"/>
    </xf>
    <xf numFmtId="0" fontId="18" fillId="4" borderId="16" xfId="11" applyFont="1" applyFill="1" applyBorder="1" applyAlignment="1">
      <alignment horizontal="left" vertical="top"/>
    </xf>
    <xf numFmtId="0" fontId="18" fillId="4" borderId="3" xfId="11" applyFont="1" applyFill="1" applyBorder="1" applyAlignment="1">
      <alignment horizontal="left" vertical="top"/>
    </xf>
    <xf numFmtId="0" fontId="18" fillId="4" borderId="90" xfId="11" applyFont="1" applyFill="1" applyBorder="1" applyAlignment="1">
      <alignment horizontal="left" vertical="top"/>
    </xf>
    <xf numFmtId="0" fontId="18" fillId="4" borderId="58" xfId="11" applyFont="1" applyFill="1" applyBorder="1" applyAlignment="1">
      <alignment horizontal="left" vertical="top"/>
    </xf>
    <xf numFmtId="0" fontId="23" fillId="0" borderId="60" xfId="11" applyFont="1" applyFill="1" applyBorder="1" applyAlignment="1">
      <alignment horizontal="center" vertical="center" wrapText="1"/>
    </xf>
    <xf numFmtId="0" fontId="18" fillId="0" borderId="0" xfId="11" applyFont="1"/>
    <xf numFmtId="0" fontId="25" fillId="0" borderId="0" xfId="11" applyFont="1" applyFill="1" applyBorder="1" applyAlignment="1">
      <alignment vertical="center" wrapText="1"/>
    </xf>
    <xf numFmtId="0" fontId="25" fillId="0" borderId="0" xfId="11" applyFont="1" applyFill="1" applyBorder="1" applyAlignment="1">
      <alignment vertical="center"/>
    </xf>
    <xf numFmtId="0" fontId="18" fillId="6" borderId="32" xfId="11" applyFont="1" applyFill="1" applyBorder="1" applyAlignment="1">
      <alignment horizontal="center" vertical="center" wrapText="1"/>
    </xf>
    <xf numFmtId="0" fontId="18" fillId="6" borderId="33" xfId="11" applyFont="1" applyFill="1" applyBorder="1" applyAlignment="1">
      <alignment horizontal="center" vertical="center" wrapText="1"/>
    </xf>
    <xf numFmtId="0" fontId="18" fillId="0" borderId="47" xfId="11" applyFont="1" applyFill="1" applyBorder="1" applyAlignment="1">
      <alignment horizontal="left" vertical="top" wrapText="1"/>
    </xf>
    <xf numFmtId="0" fontId="23" fillId="4" borderId="55" xfId="11" applyFont="1" applyFill="1" applyBorder="1" applyAlignment="1">
      <alignment vertical="center" wrapText="1"/>
    </xf>
    <xf numFmtId="0" fontId="18" fillId="0" borderId="3" xfId="11" applyFont="1" applyFill="1" applyBorder="1" applyAlignment="1">
      <alignment vertical="center" wrapText="1"/>
    </xf>
    <xf numFmtId="0" fontId="23" fillId="4" borderId="12" xfId="11" applyFont="1" applyFill="1" applyBorder="1" applyAlignment="1">
      <alignment vertical="center" wrapText="1"/>
    </xf>
    <xf numFmtId="0" fontId="23" fillId="4" borderId="60" xfId="11" applyFont="1" applyFill="1" applyBorder="1" applyAlignment="1">
      <alignment vertical="center" wrapText="1"/>
    </xf>
    <xf numFmtId="0" fontId="18" fillId="0" borderId="90" xfId="11" applyFont="1" applyFill="1" applyBorder="1" applyAlignment="1">
      <alignment vertical="center" wrapText="1"/>
    </xf>
    <xf numFmtId="0" fontId="34" fillId="0" borderId="3" xfId="11" applyFont="1" applyFill="1" applyBorder="1" applyAlignment="1">
      <alignment horizontal="center" vertical="center" wrapText="1"/>
    </xf>
    <xf numFmtId="0" fontId="23" fillId="0" borderId="5" xfId="11" applyFont="1" applyFill="1" applyBorder="1" applyAlignment="1">
      <alignment vertical="center" wrapText="1"/>
    </xf>
    <xf numFmtId="0" fontId="18" fillId="0" borderId="58" xfId="11" applyFont="1" applyFill="1" applyBorder="1" applyAlignment="1">
      <alignment horizontal="left" vertical="top" wrapText="1"/>
    </xf>
    <xf numFmtId="0" fontId="23" fillId="0" borderId="60" xfId="11" applyFont="1" applyFill="1" applyBorder="1" applyAlignment="1">
      <alignment vertical="center" wrapText="1"/>
    </xf>
    <xf numFmtId="0" fontId="18" fillId="0" borderId="3" xfId="11" applyFont="1" applyFill="1" applyBorder="1" applyAlignment="1">
      <alignment horizontal="left" vertical="top" wrapText="1"/>
    </xf>
    <xf numFmtId="0" fontId="23" fillId="0" borderId="56" xfId="11" applyFont="1" applyFill="1" applyBorder="1" applyAlignment="1">
      <alignment vertical="center" wrapText="1"/>
    </xf>
    <xf numFmtId="0" fontId="18" fillId="0" borderId="90" xfId="11" applyFont="1" applyFill="1" applyBorder="1" applyAlignment="1">
      <alignment horizontal="left" vertical="top" wrapText="1"/>
    </xf>
    <xf numFmtId="0" fontId="23" fillId="0" borderId="66" xfId="11" applyFont="1" applyFill="1" applyBorder="1" applyAlignment="1">
      <alignment vertical="center" wrapText="1"/>
    </xf>
    <xf numFmtId="0" fontId="18" fillId="0" borderId="99" xfId="11" applyFont="1" applyFill="1" applyBorder="1" applyAlignment="1">
      <alignment horizontal="left" vertical="top" wrapText="1"/>
    </xf>
    <xf numFmtId="0" fontId="18" fillId="0" borderId="3" xfId="11" applyFont="1" applyFill="1" applyBorder="1" applyAlignment="1">
      <alignment vertical="top" wrapText="1"/>
    </xf>
    <xf numFmtId="0" fontId="18" fillId="0" borderId="99" xfId="11" applyFont="1" applyFill="1" applyBorder="1" applyAlignment="1">
      <alignment vertical="top" wrapText="1"/>
    </xf>
    <xf numFmtId="0" fontId="18" fillId="0" borderId="0" xfId="11" applyFont="1" applyFill="1" applyBorder="1" applyAlignment="1">
      <alignment vertical="center"/>
    </xf>
    <xf numFmtId="0" fontId="18" fillId="0" borderId="17" xfId="11" applyFont="1" applyFill="1" applyBorder="1" applyAlignment="1">
      <alignment horizontal="left" vertical="top" wrapText="1"/>
    </xf>
    <xf numFmtId="0" fontId="23" fillId="0" borderId="55" xfId="11" applyFont="1" applyFill="1" applyBorder="1" applyAlignment="1">
      <alignment vertical="center" wrapText="1"/>
    </xf>
    <xf numFmtId="0" fontId="18" fillId="0" borderId="54" xfId="11" applyFont="1" applyFill="1" applyBorder="1" applyAlignment="1">
      <alignment vertical="center" wrapText="1"/>
    </xf>
    <xf numFmtId="0" fontId="34" fillId="0" borderId="3" xfId="11" applyFont="1" applyFill="1" applyBorder="1" applyAlignment="1">
      <alignment vertical="center" wrapText="1"/>
    </xf>
    <xf numFmtId="0" fontId="18" fillId="0" borderId="17" xfId="11" applyFont="1" applyFill="1" applyBorder="1" applyAlignment="1">
      <alignment vertical="center" wrapText="1"/>
    </xf>
    <xf numFmtId="0" fontId="36" fillId="0" borderId="0" xfId="11" applyFont="1" applyFill="1" applyBorder="1" applyAlignment="1">
      <alignment vertical="center" wrapText="1"/>
    </xf>
    <xf numFmtId="0" fontId="18" fillId="6" borderId="101" xfId="11" applyFont="1" applyFill="1" applyBorder="1" applyAlignment="1">
      <alignment horizontal="center" vertical="center" wrapText="1"/>
    </xf>
    <xf numFmtId="0" fontId="18" fillId="0" borderId="100" xfId="11" applyFont="1" applyFill="1" applyBorder="1" applyAlignment="1">
      <alignment horizontal="left" vertical="top" wrapText="1"/>
    </xf>
    <xf numFmtId="0" fontId="18" fillId="0" borderId="17" xfId="14" applyFont="1" applyFill="1" applyBorder="1" applyAlignment="1">
      <alignment horizontal="left" vertical="top" wrapText="1" shrinkToFit="1"/>
    </xf>
    <xf numFmtId="0" fontId="23" fillId="0" borderId="56" xfId="14" applyFont="1" applyFill="1" applyBorder="1" applyAlignment="1">
      <alignment vertical="center" wrapText="1" shrinkToFit="1"/>
    </xf>
    <xf numFmtId="0" fontId="34" fillId="0" borderId="0" xfId="14" applyFont="1" applyFill="1" applyBorder="1" applyAlignment="1">
      <alignment vertical="center" wrapText="1" shrinkToFit="1"/>
    </xf>
    <xf numFmtId="0" fontId="18" fillId="0" borderId="3" xfId="11" applyFont="1" applyFill="1" applyBorder="1" applyAlignment="1">
      <alignment horizontal="left" vertical="top"/>
    </xf>
    <xf numFmtId="0" fontId="23" fillId="0" borderId="12" xfId="11" applyFont="1" applyFill="1" applyBorder="1" applyAlignment="1">
      <alignment vertical="center" wrapText="1"/>
    </xf>
    <xf numFmtId="0" fontId="18" fillId="0" borderId="58" xfId="11" applyFont="1" applyFill="1" applyBorder="1" applyAlignment="1">
      <alignment horizontal="left" vertical="top"/>
    </xf>
    <xf numFmtId="0" fontId="23" fillId="0" borderId="49" xfId="11" applyFont="1" applyFill="1" applyBorder="1" applyAlignment="1">
      <alignment horizontal="center" vertical="center" wrapText="1"/>
    </xf>
    <xf numFmtId="0" fontId="23" fillId="3" borderId="53" xfId="11" applyFont="1" applyFill="1" applyBorder="1" applyAlignment="1">
      <alignment horizontal="center" vertical="center" wrapText="1"/>
    </xf>
    <xf numFmtId="0" fontId="23" fillId="3" borderId="13" xfId="11" applyFont="1" applyFill="1" applyBorder="1" applyAlignment="1">
      <alignment horizontal="center" vertical="center" wrapText="1"/>
    </xf>
    <xf numFmtId="0" fontId="23" fillId="0" borderId="61" xfId="11" applyFont="1" applyFill="1" applyBorder="1" applyAlignment="1">
      <alignment horizontal="center" vertical="center"/>
    </xf>
    <xf numFmtId="0" fontId="17" fillId="4" borderId="50" xfId="9" applyFont="1" applyFill="1" applyBorder="1" applyAlignment="1">
      <alignment horizontal="center" vertical="center"/>
    </xf>
    <xf numFmtId="0" fontId="17" fillId="4" borderId="53" xfId="9" applyFont="1" applyFill="1" applyBorder="1" applyAlignment="1">
      <alignment horizontal="center" vertical="center"/>
    </xf>
    <xf numFmtId="0" fontId="23" fillId="4" borderId="61" xfId="11" applyFont="1" applyFill="1" applyBorder="1" applyAlignment="1">
      <alignment horizontal="center" vertical="center"/>
    </xf>
    <xf numFmtId="0" fontId="17" fillId="4" borderId="69" xfId="9" applyFont="1" applyFill="1" applyBorder="1" applyAlignment="1">
      <alignment horizontal="center" vertical="center"/>
    </xf>
    <xf numFmtId="0" fontId="23" fillId="0" borderId="43" xfId="9" applyFont="1" applyBorder="1" applyAlignment="1">
      <alignment vertical="center" wrapText="1"/>
    </xf>
    <xf numFmtId="0" fontId="35" fillId="0" borderId="3" xfId="11" applyFont="1" applyBorder="1"/>
    <xf numFmtId="0" fontId="23" fillId="4" borderId="3" xfId="11" applyFont="1" applyFill="1" applyBorder="1" applyAlignment="1">
      <alignment horizontal="center" vertical="center"/>
    </xf>
    <xf numFmtId="0" fontId="18" fillId="0" borderId="17" xfId="11" applyFont="1" applyFill="1" applyBorder="1" applyAlignment="1">
      <alignment horizontal="left" vertical="center" wrapText="1"/>
    </xf>
    <xf numFmtId="0" fontId="11" fillId="0" borderId="0" xfId="11" applyFont="1" applyAlignment="1">
      <alignment horizontal="distributed" vertical="center" indent="1"/>
    </xf>
    <xf numFmtId="0" fontId="17" fillId="0" borderId="12" xfId="9" applyFont="1" applyBorder="1" applyAlignment="1">
      <alignment horizontal="center" vertical="center"/>
    </xf>
    <xf numFmtId="0" fontId="17" fillId="0" borderId="5" xfId="9" applyFont="1" applyBorder="1" applyAlignment="1">
      <alignment horizontal="center" vertical="center"/>
    </xf>
    <xf numFmtId="0" fontId="17" fillId="0" borderId="56" xfId="9" applyFont="1" applyBorder="1" applyAlignment="1">
      <alignment horizontal="center" vertical="center"/>
    </xf>
    <xf numFmtId="0" fontId="17" fillId="0" borderId="66" xfId="9" applyFont="1" applyBorder="1" applyAlignment="1">
      <alignment horizontal="center" vertical="center"/>
    </xf>
    <xf numFmtId="0" fontId="8" fillId="2" borderId="42" xfId="9" applyFont="1" applyFill="1" applyBorder="1" applyAlignment="1">
      <alignment horizontal="center" vertical="center" wrapText="1"/>
    </xf>
    <xf numFmtId="0" fontId="17" fillId="0" borderId="0" xfId="9" applyFont="1" applyFill="1" applyBorder="1" applyAlignment="1">
      <alignment horizontal="center" vertical="center"/>
    </xf>
    <xf numFmtId="0" fontId="23" fillId="4" borderId="5" xfId="11" applyFont="1" applyFill="1" applyBorder="1" applyAlignment="1">
      <alignment horizontal="center" vertical="center" wrapText="1"/>
    </xf>
    <xf numFmtId="0" fontId="18" fillId="6" borderId="88" xfId="11" applyFont="1" applyFill="1" applyBorder="1" applyAlignment="1">
      <alignment horizontal="center" vertical="center" wrapText="1"/>
    </xf>
    <xf numFmtId="0" fontId="18" fillId="4" borderId="67" xfId="11" applyFont="1" applyFill="1" applyBorder="1" applyAlignment="1">
      <alignment horizontal="left" vertical="top" wrapText="1"/>
    </xf>
    <xf numFmtId="0" fontId="18" fillId="4" borderId="54" xfId="11" applyFont="1" applyFill="1" applyBorder="1" applyAlignment="1">
      <alignment horizontal="left" vertical="top" wrapText="1"/>
    </xf>
    <xf numFmtId="0" fontId="40" fillId="4" borderId="0" xfId="11" applyFont="1" applyFill="1" applyBorder="1" applyAlignment="1">
      <alignment vertical="center" wrapText="1"/>
    </xf>
    <xf numFmtId="0" fontId="23" fillId="0" borderId="53" xfId="0" applyFont="1" applyBorder="1" applyAlignment="1">
      <alignment vertical="center" wrapText="1"/>
    </xf>
    <xf numFmtId="0" fontId="23" fillId="0" borderId="61" xfId="0" applyFont="1" applyBorder="1" applyAlignment="1">
      <alignment vertical="center" wrapText="1"/>
    </xf>
    <xf numFmtId="0" fontId="39" fillId="3" borderId="53" xfId="9" applyFont="1" applyFill="1" applyBorder="1" applyAlignment="1">
      <alignment horizontal="center" vertical="center"/>
    </xf>
    <xf numFmtId="0" fontId="6" fillId="0" borderId="0" xfId="11" applyFont="1" applyAlignment="1">
      <alignment horizontal="distributed" vertical="center"/>
    </xf>
    <xf numFmtId="0" fontId="33" fillId="0" borderId="0" xfId="11" applyFont="1" applyAlignment="1">
      <alignment horizontal="center" vertical="center"/>
    </xf>
    <xf numFmtId="0" fontId="19" fillId="0" borderId="0" xfId="11" applyFont="1" applyAlignment="1">
      <alignment horizontal="center" vertical="center"/>
    </xf>
    <xf numFmtId="0" fontId="41" fillId="0" borderId="0" xfId="11" applyFont="1" applyAlignment="1">
      <alignment horizontal="center" vertical="center"/>
    </xf>
    <xf numFmtId="0" fontId="20" fillId="0" borderId="0" xfId="11" applyFont="1" applyAlignment="1">
      <alignment horizontal="center" vertical="center"/>
    </xf>
    <xf numFmtId="0" fontId="9" fillId="0" borderId="0" xfId="11" applyFont="1" applyAlignment="1">
      <alignment horizontal="center" vertical="center"/>
    </xf>
    <xf numFmtId="0" fontId="11" fillId="0" borderId="0" xfId="11" applyFont="1" applyAlignment="1">
      <alignment horizontal="distributed" vertical="center" indent="1"/>
    </xf>
    <xf numFmtId="0" fontId="11" fillId="0" borderId="0" xfId="0" applyFont="1" applyAlignment="1">
      <alignment horizontal="distributed" vertical="center" indent="1"/>
    </xf>
    <xf numFmtId="0" fontId="11" fillId="0" borderId="0" xfId="11" applyFont="1" applyAlignment="1">
      <alignment horizontal="distributed" vertical="center"/>
    </xf>
    <xf numFmtId="0" fontId="6" fillId="0" borderId="18" xfId="11" applyFont="1" applyBorder="1" applyAlignment="1">
      <alignment horizontal="center" vertical="center"/>
    </xf>
    <xf numFmtId="0" fontId="17" fillId="0" borderId="12" xfId="9" applyFont="1" applyBorder="1" applyAlignment="1">
      <alignment horizontal="center" vertical="center"/>
    </xf>
    <xf numFmtId="0" fontId="17" fillId="0" borderId="68" xfId="9" applyFont="1" applyBorder="1" applyAlignment="1">
      <alignment horizontal="center" vertical="center"/>
    </xf>
    <xf numFmtId="0" fontId="17" fillId="0" borderId="8" xfId="9" applyFont="1" applyBorder="1" applyAlignment="1">
      <alignment horizontal="center" vertical="center"/>
    </xf>
    <xf numFmtId="0" fontId="17" fillId="0" borderId="55" xfId="9" applyFont="1" applyBorder="1" applyAlignment="1">
      <alignment horizontal="center" vertical="center"/>
    </xf>
    <xf numFmtId="0" fontId="17" fillId="0" borderId="66" xfId="9" applyFont="1" applyBorder="1" applyAlignment="1">
      <alignment horizontal="center" vertical="center"/>
    </xf>
    <xf numFmtId="0" fontId="1" fillId="0" borderId="56" xfId="0" applyFont="1" applyBorder="1" applyAlignment="1">
      <alignment horizontal="center" vertical="center"/>
    </xf>
    <xf numFmtId="0" fontId="17" fillId="0" borderId="56" xfId="9" applyFont="1" applyBorder="1" applyAlignment="1">
      <alignment horizontal="center" vertical="center"/>
    </xf>
    <xf numFmtId="0" fontId="18" fillId="2" borderId="33" xfId="9" applyFont="1" applyFill="1" applyBorder="1" applyAlignment="1">
      <alignment horizontal="center" vertical="center" wrapText="1"/>
    </xf>
    <xf numFmtId="0" fontId="18" fillId="2" borderId="8" xfId="9" applyFont="1" applyFill="1" applyBorder="1" applyAlignment="1">
      <alignment horizontal="center" vertical="center" wrapText="1"/>
    </xf>
    <xf numFmtId="0" fontId="17" fillId="0" borderId="5" xfId="9" applyFont="1" applyBorder="1" applyAlignment="1">
      <alignment horizontal="center" vertical="center"/>
    </xf>
    <xf numFmtId="0" fontId="18" fillId="2" borderId="35" xfId="8" applyFont="1" applyFill="1" applyBorder="1" applyAlignment="1">
      <alignment horizontal="center" vertical="center" wrapText="1"/>
    </xf>
    <xf numFmtId="0" fontId="18" fillId="2" borderId="25" xfId="8" applyFont="1" applyFill="1" applyBorder="1" applyAlignment="1">
      <alignment horizontal="center" vertical="center" wrapText="1"/>
    </xf>
    <xf numFmtId="0" fontId="1" fillId="0" borderId="8" xfId="0" applyFont="1" applyBorder="1" applyAlignment="1">
      <alignment horizontal="center" vertical="center"/>
    </xf>
    <xf numFmtId="0" fontId="1" fillId="0" borderId="55" xfId="0" applyFont="1" applyBorder="1" applyAlignment="1">
      <alignment horizontal="center" vertical="center"/>
    </xf>
    <xf numFmtId="0" fontId="18" fillId="2" borderId="32" xfId="9" applyFont="1" applyFill="1" applyBorder="1" applyAlignment="1">
      <alignment horizontal="center" vertical="center" wrapText="1"/>
    </xf>
    <xf numFmtId="0" fontId="18" fillId="2" borderId="6" xfId="9" applyFont="1" applyFill="1" applyBorder="1" applyAlignment="1">
      <alignment horizontal="center" vertical="center" wrapText="1"/>
    </xf>
    <xf numFmtId="0" fontId="18" fillId="2" borderId="34" xfId="9" applyFont="1" applyFill="1" applyBorder="1" applyAlignment="1">
      <alignment horizontal="center" vertical="center" wrapText="1"/>
    </xf>
    <xf numFmtId="0" fontId="18" fillId="2" borderId="7" xfId="9" applyFont="1" applyFill="1" applyBorder="1" applyAlignment="1">
      <alignment horizontal="center" vertical="center" wrapText="1"/>
    </xf>
    <xf numFmtId="0" fontId="8" fillId="2" borderId="30" xfId="9" applyFont="1" applyFill="1" applyBorder="1" applyAlignment="1">
      <alignment horizontal="center" vertical="center" wrapText="1"/>
    </xf>
    <xf numFmtId="0" fontId="8" fillId="2" borderId="31" xfId="9" applyFont="1" applyFill="1" applyBorder="1" applyAlignment="1">
      <alignment horizontal="center" vertical="center" wrapText="1"/>
    </xf>
    <xf numFmtId="0" fontId="18" fillId="2" borderId="39" xfId="9" applyFont="1" applyFill="1" applyBorder="1" applyAlignment="1">
      <alignment horizontal="center" vertical="center" wrapText="1"/>
    </xf>
    <xf numFmtId="0" fontId="18" fillId="2" borderId="15" xfId="9" applyFont="1" applyFill="1" applyBorder="1" applyAlignment="1">
      <alignment horizontal="center" vertical="center" wrapText="1"/>
    </xf>
    <xf numFmtId="0" fontId="18" fillId="2" borderId="40" xfId="9" applyFont="1" applyFill="1" applyBorder="1" applyAlignment="1">
      <alignment horizontal="center" vertical="center" wrapText="1"/>
    </xf>
    <xf numFmtId="0" fontId="18" fillId="2" borderId="9" xfId="9" applyFont="1" applyFill="1" applyBorder="1" applyAlignment="1">
      <alignment horizontal="center" vertical="center" wrapText="1"/>
    </xf>
    <xf numFmtId="0" fontId="18" fillId="2" borderId="41" xfId="9" applyFont="1" applyFill="1" applyBorder="1" applyAlignment="1">
      <alignment horizontal="center" vertical="center" wrapText="1"/>
    </xf>
    <xf numFmtId="0" fontId="18" fillId="2" borderId="10" xfId="9" applyFont="1" applyFill="1" applyBorder="1" applyAlignment="1">
      <alignment horizontal="center" vertical="center" wrapText="1"/>
    </xf>
    <xf numFmtId="0" fontId="8" fillId="2" borderId="42" xfId="9" applyFont="1" applyFill="1" applyBorder="1" applyAlignment="1">
      <alignment horizontal="center" vertical="center" wrapText="1"/>
    </xf>
    <xf numFmtId="0" fontId="18" fillId="2" borderId="36" xfId="8" applyFont="1" applyFill="1" applyBorder="1" applyAlignment="1">
      <alignment horizontal="center" vertical="center" wrapText="1"/>
    </xf>
    <xf numFmtId="0" fontId="18" fillId="2" borderId="37" xfId="8" applyFont="1" applyFill="1" applyBorder="1" applyAlignment="1">
      <alignment horizontal="center" vertical="center" wrapText="1"/>
    </xf>
    <xf numFmtId="0" fontId="18" fillId="2" borderId="38" xfId="8" applyFont="1" applyFill="1" applyBorder="1" applyAlignment="1">
      <alignment horizontal="center" vertical="center" wrapText="1"/>
    </xf>
    <xf numFmtId="0" fontId="18" fillId="2" borderId="44" xfId="8" applyFont="1" applyFill="1" applyBorder="1" applyAlignment="1">
      <alignment horizontal="center" vertical="center" wrapText="1"/>
    </xf>
    <xf numFmtId="0" fontId="18" fillId="2" borderId="45" xfId="8" applyFont="1" applyFill="1" applyBorder="1" applyAlignment="1">
      <alignment horizontal="center" vertical="center" wrapText="1"/>
    </xf>
    <xf numFmtId="0" fontId="18" fillId="2" borderId="24" xfId="8" applyFont="1" applyFill="1" applyBorder="1" applyAlignment="1">
      <alignment horizontal="center" vertical="center" wrapText="1"/>
    </xf>
    <xf numFmtId="0" fontId="23" fillId="2" borderId="32" xfId="9" applyFont="1" applyFill="1" applyBorder="1" applyAlignment="1">
      <alignment horizontal="center" vertical="center" wrapText="1"/>
    </xf>
    <xf numFmtId="0" fontId="23" fillId="2" borderId="6" xfId="9" applyFont="1" applyFill="1" applyBorder="1" applyAlignment="1">
      <alignment horizontal="center" vertical="center" wrapText="1"/>
    </xf>
    <xf numFmtId="0" fontId="23" fillId="2" borderId="34" xfId="9" applyFont="1" applyFill="1" applyBorder="1" applyAlignment="1">
      <alignment horizontal="center" vertical="center" wrapText="1"/>
    </xf>
    <xf numFmtId="0" fontId="23" fillId="2" borderId="7" xfId="9" applyFont="1" applyFill="1" applyBorder="1" applyAlignment="1">
      <alignment horizontal="center" vertical="center" wrapText="1"/>
    </xf>
    <xf numFmtId="0" fontId="17" fillId="0" borderId="66" xfId="9" applyFont="1" applyFill="1" applyBorder="1" applyAlignment="1">
      <alignment horizontal="center" vertical="center"/>
    </xf>
    <xf numFmtId="0" fontId="17" fillId="0" borderId="12" xfId="9" applyFont="1" applyFill="1" applyBorder="1" applyAlignment="1">
      <alignment horizontal="center" vertical="center"/>
    </xf>
    <xf numFmtId="0" fontId="17" fillId="0" borderId="56" xfId="9" applyFont="1" applyFill="1" applyBorder="1" applyAlignment="1">
      <alignment horizontal="center" vertical="center"/>
    </xf>
    <xf numFmtId="0" fontId="17" fillId="0" borderId="10" xfId="9" applyFont="1" applyBorder="1" applyAlignment="1">
      <alignment horizontal="center" vertical="center"/>
    </xf>
    <xf numFmtId="0" fontId="18" fillId="2" borderId="30" xfId="9" applyFont="1" applyFill="1" applyBorder="1" applyAlignment="1">
      <alignment horizontal="center" vertical="center" wrapText="1"/>
    </xf>
    <xf numFmtId="0" fontId="18" fillId="2" borderId="46" xfId="9" applyFont="1" applyFill="1" applyBorder="1" applyAlignment="1">
      <alignment horizontal="center" vertical="center" wrapText="1"/>
    </xf>
    <xf numFmtId="0" fontId="18" fillId="0" borderId="0" xfId="9" applyFont="1" applyFill="1" applyBorder="1" applyAlignment="1">
      <alignment horizontal="center" vertical="center" wrapText="1"/>
    </xf>
    <xf numFmtId="0" fontId="17" fillId="0" borderId="0" xfId="9" applyFont="1" applyFill="1" applyBorder="1" applyAlignment="1">
      <alignment horizontal="center" vertical="center"/>
    </xf>
    <xf numFmtId="0" fontId="1" fillId="0" borderId="12" xfId="0" applyFont="1" applyBorder="1" applyAlignment="1">
      <alignment horizontal="center" vertical="center"/>
    </xf>
    <xf numFmtId="0" fontId="18" fillId="6" borderId="34" xfId="9" applyFont="1" applyFill="1" applyBorder="1" applyAlignment="1">
      <alignment horizontal="center" vertical="center" wrapText="1"/>
    </xf>
    <xf numFmtId="0" fontId="18" fillId="6" borderId="7" xfId="9" applyFont="1" applyFill="1" applyBorder="1" applyAlignment="1">
      <alignment horizontal="center" vertical="center" wrapText="1"/>
    </xf>
    <xf numFmtId="0" fontId="17" fillId="0" borderId="14" xfId="9" applyFont="1" applyBorder="1" applyAlignment="1">
      <alignment horizontal="center" vertical="center"/>
    </xf>
    <xf numFmtId="0" fontId="11" fillId="0" borderId="0" xfId="13" applyFont="1" applyAlignment="1">
      <alignment horizontal="distributed" vertical="center" indent="1"/>
    </xf>
    <xf numFmtId="0" fontId="23" fillId="0" borderId="5" xfId="11" applyFont="1" applyFill="1" applyBorder="1" applyAlignment="1">
      <alignment horizontal="center" vertical="center" wrapText="1"/>
    </xf>
    <xf numFmtId="0" fontId="23" fillId="0" borderId="12" xfId="11" applyFont="1" applyFill="1" applyBorder="1" applyAlignment="1">
      <alignment horizontal="center" vertical="center" wrapText="1"/>
    </xf>
    <xf numFmtId="0" fontId="23" fillId="0" borderId="56" xfId="11" applyFont="1" applyFill="1" applyBorder="1" applyAlignment="1">
      <alignment horizontal="center" vertical="center" wrapText="1"/>
    </xf>
    <xf numFmtId="0" fontId="23" fillId="4" borderId="66" xfId="11" applyFont="1" applyFill="1" applyBorder="1" applyAlignment="1">
      <alignment horizontal="center" vertical="center" wrapText="1"/>
    </xf>
    <xf numFmtId="0" fontId="23" fillId="4" borderId="56" xfId="11" applyFont="1" applyFill="1" applyBorder="1" applyAlignment="1">
      <alignment horizontal="center" vertical="center" wrapText="1"/>
    </xf>
    <xf numFmtId="0" fontId="23" fillId="4" borderId="12" xfId="11" applyFont="1" applyFill="1" applyBorder="1" applyAlignment="1">
      <alignment horizontal="center" vertical="center" wrapText="1"/>
    </xf>
    <xf numFmtId="0" fontId="18" fillId="4" borderId="67" xfId="11" applyFont="1" applyFill="1" applyBorder="1" applyAlignment="1">
      <alignment horizontal="left" vertical="top" wrapText="1"/>
    </xf>
    <xf numFmtId="0" fontId="18" fillId="4" borderId="54" xfId="11" applyFont="1" applyFill="1" applyBorder="1" applyAlignment="1">
      <alignment horizontal="left" vertical="top" wrapText="1"/>
    </xf>
    <xf numFmtId="0" fontId="18" fillId="6" borderId="39" xfId="11" applyFont="1" applyFill="1" applyBorder="1" applyAlignment="1">
      <alignment horizontal="center" vertical="center" wrapText="1"/>
    </xf>
    <xf numFmtId="0" fontId="18" fillId="6" borderId="15" xfId="11" applyFont="1" applyFill="1" applyBorder="1" applyAlignment="1">
      <alignment horizontal="center" vertical="center" wrapText="1"/>
    </xf>
    <xf numFmtId="0" fontId="18" fillId="6" borderId="98" xfId="11" applyFont="1" applyFill="1" applyBorder="1" applyAlignment="1">
      <alignment horizontal="center" vertical="center" wrapText="1"/>
    </xf>
    <xf numFmtId="0" fontId="18" fillId="6" borderId="88" xfId="11" applyFont="1" applyFill="1" applyBorder="1" applyAlignment="1">
      <alignment horizontal="center" vertical="center" wrapText="1"/>
    </xf>
    <xf numFmtId="0" fontId="18" fillId="6" borderId="30" xfId="11" applyFont="1" applyFill="1" applyBorder="1" applyAlignment="1">
      <alignment horizontal="center" vertical="center" wrapText="1"/>
    </xf>
    <xf numFmtId="0" fontId="18" fillId="6" borderId="87" xfId="11" applyFont="1" applyFill="1" applyBorder="1" applyAlignment="1">
      <alignment horizontal="center" vertical="center" wrapText="1"/>
    </xf>
    <xf numFmtId="0" fontId="23" fillId="4" borderId="5" xfId="11" applyFont="1" applyFill="1" applyBorder="1" applyAlignment="1">
      <alignment horizontal="center" vertical="center" wrapText="1"/>
    </xf>
    <xf numFmtId="0" fontId="18" fillId="6" borderId="20" xfId="11" applyFont="1" applyFill="1" applyBorder="1" applyAlignment="1">
      <alignment horizontal="center" vertical="center" wrapText="1"/>
    </xf>
    <xf numFmtId="0" fontId="18" fillId="6" borderId="18" xfId="11" applyFont="1" applyFill="1" applyBorder="1" applyAlignment="1">
      <alignment horizontal="center" vertical="center" wrapText="1"/>
    </xf>
    <xf numFmtId="0" fontId="18" fillId="6" borderId="97" xfId="11" applyFont="1" applyFill="1" applyBorder="1" applyAlignment="1">
      <alignment horizontal="center" vertical="center" wrapText="1"/>
    </xf>
    <xf numFmtId="0" fontId="18" fillId="6" borderId="48" xfId="11" applyFont="1" applyFill="1" applyBorder="1" applyAlignment="1">
      <alignment horizontal="center" vertical="center" wrapText="1"/>
    </xf>
    <xf numFmtId="0" fontId="18" fillId="6" borderId="40" xfId="11" applyFont="1" applyFill="1" applyBorder="1" applyAlignment="1">
      <alignment horizontal="center" vertical="center" wrapText="1"/>
    </xf>
    <xf numFmtId="0" fontId="18" fillId="6" borderId="9" xfId="11" applyFont="1" applyFill="1" applyBorder="1" applyAlignment="1">
      <alignment horizontal="center" vertical="center" wrapText="1"/>
    </xf>
  </cellXfs>
  <cellStyles count="15">
    <cellStyle name="Calc Currency (0)" xfId="1"/>
    <cellStyle name="Header1" xfId="2"/>
    <cellStyle name="Header2" xfId="3"/>
    <cellStyle name="Normal_#18-Internet" xfId="4"/>
    <cellStyle name="スタイル 1" xfId="12"/>
    <cellStyle name="桁区切り 2" xfId="5"/>
    <cellStyle name="標準" xfId="0" builtinId="0"/>
    <cellStyle name="標準 2" xfId="6"/>
    <cellStyle name="標準 2 2" xfId="13"/>
    <cellStyle name="標準 3" xfId="11"/>
    <cellStyle name="標準_H20版チェックリスト（素案）090313" xfId="7"/>
    <cellStyle name="標準_H20版チェックリスト（素案2）090313" xfId="8"/>
    <cellStyle name="標準_数量基準" xfId="9"/>
    <cellStyle name="標準_積算チェックシート(H19)" xfId="14"/>
    <cellStyle name="未定義" xfId="10"/>
  </cellStyles>
  <dxfs count="0"/>
  <tableStyles count="0" defaultTableStyle="TableStyleMedium9" defaultPivotStyle="PivotStyleLight16"/>
  <colors>
    <mruColors>
      <color rgb="FF0000FF"/>
      <color rgb="FFA6A6A6"/>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8"/>
  <sheetViews>
    <sheetView showGridLines="0" tabSelected="1" view="pageBreakPreview" zoomScale="90" zoomScaleNormal="100" zoomScaleSheetLayoutView="90" workbookViewId="0">
      <selection activeCell="F12" sqref="F12"/>
    </sheetView>
  </sheetViews>
  <sheetFormatPr defaultColWidth="9" defaultRowHeight="13.2"/>
  <cols>
    <col min="1" max="16384" width="9" style="13"/>
  </cols>
  <sheetData>
    <row r="1" spans="1:9">
      <c r="A1" s="1"/>
      <c r="B1" s="2"/>
      <c r="C1" s="2"/>
      <c r="D1" s="2"/>
      <c r="E1" s="2"/>
      <c r="F1" s="2"/>
      <c r="G1" s="2"/>
      <c r="H1" s="2"/>
    </row>
    <row r="2" spans="1:9">
      <c r="A2" s="1"/>
      <c r="B2" s="2"/>
      <c r="C2" s="2"/>
      <c r="D2" s="2"/>
      <c r="E2" s="2"/>
      <c r="F2" s="2"/>
      <c r="G2" s="2"/>
      <c r="H2" s="2"/>
    </row>
    <row r="3" spans="1:9">
      <c r="A3" s="1"/>
      <c r="B3" s="2"/>
      <c r="C3" s="2"/>
      <c r="D3" s="345"/>
      <c r="E3" s="345"/>
      <c r="F3" s="2"/>
      <c r="G3" s="2"/>
      <c r="H3" s="2"/>
    </row>
    <row r="4" spans="1:9">
      <c r="A4" s="1"/>
      <c r="B4" s="2"/>
      <c r="C4" s="2"/>
      <c r="D4" s="345"/>
      <c r="E4" s="345"/>
      <c r="F4" s="2"/>
      <c r="G4" s="2"/>
      <c r="H4" s="2"/>
    </row>
    <row r="5" spans="1:9">
      <c r="A5" s="1"/>
      <c r="B5" s="2"/>
      <c r="C5" s="2"/>
      <c r="D5" s="2"/>
      <c r="E5" s="2"/>
      <c r="F5" s="2"/>
      <c r="G5" s="2"/>
      <c r="H5" s="2"/>
    </row>
    <row r="6" spans="1:9">
      <c r="A6" s="1"/>
      <c r="B6" s="2"/>
      <c r="C6" s="2"/>
      <c r="D6" s="2"/>
      <c r="E6" s="2"/>
      <c r="F6" s="2"/>
      <c r="G6" s="2"/>
      <c r="H6" s="2"/>
    </row>
    <row r="7" spans="1:9">
      <c r="A7" s="1"/>
      <c r="B7" s="2"/>
      <c r="C7" s="2"/>
      <c r="D7" s="2"/>
      <c r="E7" s="2"/>
      <c r="F7" s="2"/>
      <c r="G7" s="2"/>
      <c r="H7" s="2"/>
    </row>
    <row r="8" spans="1:9">
      <c r="A8" s="1"/>
      <c r="B8" s="2"/>
      <c r="C8" s="2"/>
      <c r="D8" s="2"/>
      <c r="E8" s="2"/>
      <c r="F8" s="2"/>
      <c r="G8" s="2"/>
      <c r="H8" s="2"/>
    </row>
    <row r="9" spans="1:9" ht="19.2">
      <c r="A9" s="346" t="s">
        <v>864</v>
      </c>
      <c r="B9" s="346"/>
      <c r="C9" s="346"/>
      <c r="D9" s="346"/>
      <c r="E9" s="346"/>
      <c r="F9" s="346"/>
      <c r="G9" s="346"/>
      <c r="H9" s="346"/>
      <c r="I9" s="346"/>
    </row>
    <row r="10" spans="1:9">
      <c r="A10" s="3"/>
      <c r="B10" s="2"/>
      <c r="C10" s="2"/>
      <c r="D10" s="2"/>
      <c r="E10" s="2"/>
      <c r="F10" s="2"/>
      <c r="G10" s="2"/>
      <c r="H10" s="2"/>
    </row>
    <row r="11" spans="1:9" ht="16.2">
      <c r="A11" s="347"/>
      <c r="B11" s="348"/>
      <c r="C11" s="348"/>
      <c r="D11" s="348"/>
      <c r="E11" s="348"/>
      <c r="F11" s="348"/>
      <c r="G11" s="348"/>
      <c r="H11" s="348"/>
      <c r="I11" s="348"/>
    </row>
    <row r="12" spans="1:9">
      <c r="A12" s="3"/>
      <c r="B12" s="2"/>
      <c r="C12" s="2"/>
      <c r="D12" s="2"/>
      <c r="E12" s="2"/>
      <c r="F12" s="2"/>
      <c r="G12" s="2"/>
      <c r="H12" s="2"/>
    </row>
    <row r="13" spans="1:9">
      <c r="A13" s="349"/>
      <c r="B13" s="349"/>
      <c r="C13" s="349"/>
      <c r="D13" s="349"/>
      <c r="E13" s="349"/>
      <c r="F13" s="349"/>
      <c r="G13" s="349"/>
      <c r="H13" s="349"/>
    </row>
    <row r="14" spans="1:9">
      <c r="A14" s="3"/>
      <c r="B14" s="2"/>
      <c r="C14" s="2"/>
      <c r="D14" s="2"/>
      <c r="E14" s="2"/>
      <c r="F14" s="2"/>
      <c r="G14" s="2"/>
      <c r="H14" s="2"/>
    </row>
    <row r="15" spans="1:9">
      <c r="A15" s="3"/>
      <c r="B15" s="2"/>
      <c r="C15" s="2"/>
      <c r="D15" s="2"/>
      <c r="E15" s="2"/>
      <c r="F15" s="2"/>
      <c r="G15" s="2"/>
      <c r="H15" s="2"/>
    </row>
    <row r="16" spans="1:9">
      <c r="A16" s="4"/>
      <c r="B16" s="4"/>
      <c r="C16" s="2"/>
      <c r="D16" s="2"/>
      <c r="E16" s="2"/>
      <c r="F16" s="2"/>
      <c r="G16" s="2"/>
      <c r="H16" s="2"/>
    </row>
    <row r="17" spans="1:8">
      <c r="A17" s="3"/>
      <c r="B17" s="2"/>
      <c r="C17" s="2"/>
      <c r="D17" s="2"/>
      <c r="E17" s="2"/>
      <c r="F17" s="2"/>
      <c r="G17" s="2"/>
      <c r="H17" s="2"/>
    </row>
    <row r="18" spans="1:8" ht="14.4">
      <c r="A18" s="350" t="s">
        <v>118</v>
      </c>
      <c r="B18" s="350"/>
      <c r="C18" s="5"/>
      <c r="D18" s="5"/>
      <c r="E18" s="5"/>
      <c r="F18" s="5"/>
      <c r="G18" s="5"/>
      <c r="H18" s="5"/>
    </row>
    <row r="19" spans="1:8" ht="14.4">
      <c r="A19" s="329"/>
      <c r="B19" s="329"/>
      <c r="C19" s="6"/>
      <c r="D19" s="6"/>
      <c r="E19" s="6"/>
      <c r="F19" s="6"/>
      <c r="G19" s="6"/>
      <c r="H19" s="6"/>
    </row>
    <row r="20" spans="1:8" ht="14.4">
      <c r="A20" s="329"/>
      <c r="B20" s="329"/>
      <c r="C20" s="6"/>
      <c r="D20" s="6"/>
      <c r="E20" s="6"/>
      <c r="F20" s="6"/>
      <c r="G20" s="6"/>
      <c r="H20" s="6"/>
    </row>
    <row r="21" spans="1:8" ht="14.4">
      <c r="A21" s="329"/>
      <c r="B21" s="329"/>
      <c r="C21" s="6"/>
      <c r="D21" s="6"/>
      <c r="E21" s="6"/>
      <c r="F21" s="6"/>
      <c r="G21" s="6"/>
      <c r="H21" s="6"/>
    </row>
    <row r="22" spans="1:8" ht="14.25" customHeight="1">
      <c r="A22" s="351" t="s">
        <v>121</v>
      </c>
      <c r="B22" s="351"/>
      <c r="C22" s="5"/>
      <c r="D22" s="5"/>
      <c r="E22" s="5"/>
      <c r="F22" s="5"/>
      <c r="G22" s="5"/>
      <c r="H22" s="5"/>
    </row>
    <row r="23" spans="1:8" ht="14.25" customHeight="1">
      <c r="A23" s="329"/>
      <c r="B23" s="329"/>
      <c r="C23" s="6"/>
      <c r="D23" s="6"/>
      <c r="E23" s="6"/>
      <c r="F23" s="6"/>
      <c r="G23" s="6"/>
      <c r="H23" s="6"/>
    </row>
    <row r="24" spans="1:8">
      <c r="A24" s="3"/>
      <c r="B24" s="2"/>
      <c r="C24" s="2"/>
      <c r="D24" s="2"/>
      <c r="E24" s="2"/>
      <c r="F24" s="2"/>
      <c r="G24" s="2"/>
      <c r="H24" s="2"/>
    </row>
    <row r="25" spans="1:8">
      <c r="A25" s="3"/>
      <c r="B25" s="2"/>
      <c r="C25" s="2"/>
      <c r="D25" s="2"/>
      <c r="E25" s="2"/>
      <c r="F25" s="2"/>
      <c r="G25" s="2"/>
      <c r="H25" s="2"/>
    </row>
    <row r="26" spans="1:8" ht="14.4">
      <c r="A26" s="352" t="s">
        <v>119</v>
      </c>
      <c r="B26" s="352"/>
      <c r="C26" s="5"/>
      <c r="D26" s="5"/>
      <c r="E26" s="5"/>
      <c r="F26" s="5"/>
      <c r="G26" s="5"/>
      <c r="H26" s="5"/>
    </row>
    <row r="27" spans="1:8" ht="14.4">
      <c r="A27" s="7"/>
      <c r="B27" s="7"/>
      <c r="C27" s="2"/>
      <c r="D27" s="2"/>
      <c r="E27" s="2"/>
      <c r="F27" s="2"/>
      <c r="G27" s="2"/>
      <c r="H27" s="2"/>
    </row>
    <row r="28" spans="1:8">
      <c r="A28" s="3"/>
      <c r="B28" s="2"/>
      <c r="C28" s="2"/>
      <c r="D28" s="2"/>
      <c r="E28" s="2"/>
      <c r="F28" s="2"/>
      <c r="G28" s="2"/>
      <c r="H28" s="2"/>
    </row>
    <row r="29" spans="1:8">
      <c r="A29" s="3"/>
      <c r="B29" s="2"/>
      <c r="C29" s="2"/>
      <c r="D29" s="2"/>
      <c r="E29" s="2"/>
      <c r="F29" s="2"/>
      <c r="G29" s="2"/>
      <c r="H29" s="2"/>
    </row>
    <row r="30" spans="1:8">
      <c r="A30" s="3"/>
      <c r="B30" s="2"/>
      <c r="C30" s="2"/>
      <c r="D30" s="2"/>
      <c r="E30" s="2"/>
      <c r="F30" s="2"/>
      <c r="G30" s="2"/>
      <c r="H30" s="2"/>
    </row>
    <row r="31" spans="1:8" ht="14.4">
      <c r="A31" s="350" t="s">
        <v>120</v>
      </c>
      <c r="B31" s="350"/>
      <c r="C31" s="2"/>
      <c r="D31" s="2"/>
      <c r="E31" s="2"/>
      <c r="F31" s="2"/>
      <c r="G31" s="2"/>
      <c r="H31" s="2"/>
    </row>
    <row r="32" spans="1:8">
      <c r="A32" s="3"/>
      <c r="B32" s="2"/>
      <c r="C32" s="2"/>
      <c r="D32" s="8"/>
      <c r="E32" s="2"/>
      <c r="F32" s="2"/>
      <c r="G32" s="2"/>
      <c r="H32" s="2"/>
    </row>
    <row r="33" spans="1:8">
      <c r="A33" s="3"/>
      <c r="B33" s="2"/>
      <c r="C33" s="2"/>
      <c r="D33" s="2"/>
      <c r="E33" s="2"/>
      <c r="F33" s="2"/>
      <c r="G33" s="2"/>
      <c r="H33" s="2"/>
    </row>
    <row r="34" spans="1:8">
      <c r="A34" s="3"/>
      <c r="B34" s="344" t="s">
        <v>100</v>
      </c>
      <c r="C34" s="344"/>
      <c r="D34" s="344"/>
      <c r="E34" s="353"/>
      <c r="F34" s="353"/>
      <c r="G34" s="353"/>
      <c r="H34" s="353"/>
    </row>
    <row r="35" spans="1:8">
      <c r="A35" s="3"/>
      <c r="B35" s="2"/>
      <c r="C35" s="2"/>
      <c r="D35" s="2"/>
      <c r="E35" s="2"/>
      <c r="F35" s="2"/>
      <c r="G35" s="2"/>
      <c r="H35" s="2"/>
    </row>
    <row r="36" spans="1:8">
      <c r="A36" s="3"/>
      <c r="B36" s="2"/>
      <c r="C36" s="2"/>
      <c r="D36" s="2"/>
      <c r="E36" s="2"/>
      <c r="F36" s="2"/>
      <c r="G36" s="2"/>
      <c r="H36" s="2"/>
    </row>
    <row r="37" spans="1:8">
      <c r="A37" s="3"/>
      <c r="B37" s="2"/>
      <c r="C37" s="2"/>
      <c r="D37" s="2"/>
      <c r="E37" s="2"/>
      <c r="F37" s="2"/>
      <c r="G37" s="2"/>
      <c r="H37" s="2"/>
    </row>
    <row r="38" spans="1:8">
      <c r="A38" s="2"/>
      <c r="B38" s="344" t="s">
        <v>101</v>
      </c>
      <c r="C38" s="344"/>
      <c r="D38" s="344"/>
      <c r="E38" s="5"/>
      <c r="F38" s="5"/>
      <c r="G38" s="5"/>
      <c r="H38" s="5"/>
    </row>
    <row r="39" spans="1:8">
      <c r="A39" s="3"/>
      <c r="B39" s="2"/>
      <c r="C39" s="2"/>
      <c r="D39" s="2"/>
      <c r="E39" s="2"/>
      <c r="F39" s="2"/>
      <c r="G39" s="2"/>
      <c r="H39" s="2"/>
    </row>
    <row r="40" spans="1:8">
      <c r="A40" s="3"/>
      <c r="B40" s="2"/>
      <c r="C40" s="2"/>
      <c r="D40" s="2"/>
      <c r="E40" s="2"/>
      <c r="F40" s="2"/>
      <c r="G40" s="2"/>
      <c r="H40" s="2"/>
    </row>
    <row r="41" spans="1:8">
      <c r="A41" s="3"/>
      <c r="B41" s="2"/>
      <c r="C41" s="2"/>
      <c r="D41" s="2"/>
      <c r="E41" s="2"/>
      <c r="F41" s="2"/>
      <c r="G41" s="2"/>
      <c r="H41" s="2"/>
    </row>
    <row r="42" spans="1:8">
      <c r="A42" s="2"/>
      <c r="B42" s="344" t="s">
        <v>102</v>
      </c>
      <c r="C42" s="344"/>
      <c r="D42" s="344"/>
      <c r="E42" s="5"/>
      <c r="F42" s="5"/>
      <c r="G42" s="5"/>
      <c r="H42" s="5"/>
    </row>
    <row r="43" spans="1:8">
      <c r="A43" s="3"/>
      <c r="B43" s="2"/>
      <c r="C43" s="2"/>
      <c r="D43" s="2"/>
      <c r="E43" s="2"/>
      <c r="F43" s="2"/>
      <c r="G43" s="2"/>
      <c r="H43" s="2"/>
    </row>
    <row r="44" spans="1:8">
      <c r="A44" s="3"/>
      <c r="B44" s="2"/>
      <c r="C44" s="2"/>
      <c r="D44" s="2"/>
      <c r="E44" s="2"/>
      <c r="F44" s="2"/>
      <c r="G44" s="2"/>
      <c r="H44" s="2"/>
    </row>
    <row r="45" spans="1:8">
      <c r="A45" s="3"/>
      <c r="B45" s="2"/>
      <c r="C45" s="2"/>
      <c r="D45" s="2"/>
      <c r="E45" s="2"/>
      <c r="F45" s="2"/>
      <c r="G45" s="2"/>
      <c r="H45" s="2"/>
    </row>
    <row r="46" spans="1:8">
      <c r="A46" s="3"/>
      <c r="B46" s="2"/>
      <c r="C46" s="2"/>
      <c r="D46" s="2"/>
      <c r="E46" s="5"/>
      <c r="F46" s="5"/>
      <c r="G46" s="5"/>
      <c r="H46" s="5"/>
    </row>
    <row r="47" spans="1:8">
      <c r="A47" s="3"/>
      <c r="B47" s="2"/>
      <c r="C47" s="2"/>
      <c r="D47" s="2"/>
      <c r="E47" s="2"/>
      <c r="F47" s="2"/>
      <c r="G47" s="2"/>
      <c r="H47" s="2"/>
    </row>
    <row r="48" spans="1:8">
      <c r="A48" s="3"/>
      <c r="B48" s="2"/>
      <c r="C48" s="2"/>
      <c r="D48" s="2"/>
      <c r="E48" s="2"/>
      <c r="F48" s="2"/>
      <c r="G48" s="2"/>
      <c r="H48" s="2"/>
    </row>
    <row r="49" spans="1:8">
      <c r="A49" s="3"/>
      <c r="B49" s="2"/>
      <c r="C49" s="2"/>
      <c r="D49" s="2"/>
      <c r="E49" s="2"/>
      <c r="F49" s="2"/>
      <c r="G49" s="2"/>
      <c r="H49" s="2"/>
    </row>
    <row r="50" spans="1:8">
      <c r="A50" s="3"/>
      <c r="B50" s="2"/>
      <c r="C50" s="2"/>
      <c r="D50" s="2"/>
      <c r="E50" s="5"/>
      <c r="F50" s="5"/>
      <c r="G50" s="5"/>
      <c r="H50" s="5"/>
    </row>
    <row r="51" spans="1:8">
      <c r="A51" s="3"/>
      <c r="B51" s="2"/>
      <c r="C51" s="2"/>
      <c r="D51" s="2"/>
      <c r="E51" s="2"/>
      <c r="F51" s="2"/>
      <c r="G51" s="2"/>
      <c r="H51" s="2"/>
    </row>
    <row r="52" spans="1:8">
      <c r="A52" s="3"/>
      <c r="B52" s="2"/>
      <c r="C52" s="2"/>
      <c r="D52" s="2"/>
      <c r="E52" s="2"/>
      <c r="F52" s="2"/>
      <c r="G52" s="2"/>
      <c r="H52" s="2"/>
    </row>
    <row r="53" spans="1:8" ht="14.4">
      <c r="A53" s="14"/>
      <c r="B53" s="14"/>
      <c r="C53" s="14"/>
      <c r="D53" s="14"/>
      <c r="E53" s="2"/>
      <c r="F53" s="2"/>
      <c r="G53" s="2"/>
      <c r="H53" s="2"/>
    </row>
    <row r="54" spans="1:8">
      <c r="A54" s="3"/>
      <c r="B54" s="2"/>
      <c r="C54" s="2"/>
      <c r="D54" s="2"/>
      <c r="E54" s="5"/>
      <c r="F54" s="5"/>
      <c r="G54" s="5"/>
      <c r="H54" s="5"/>
    </row>
    <row r="55" spans="1:8" ht="14.4">
      <c r="A55" s="14"/>
      <c r="B55" s="14"/>
      <c r="C55" s="14"/>
      <c r="D55" s="14"/>
      <c r="E55" s="2"/>
      <c r="F55" s="2"/>
      <c r="G55" s="2"/>
      <c r="H55" s="2"/>
    </row>
    <row r="56" spans="1:8">
      <c r="A56" s="3"/>
      <c r="B56" s="2"/>
      <c r="C56" s="2"/>
      <c r="D56" s="2"/>
      <c r="E56" s="2"/>
      <c r="F56" s="2"/>
      <c r="G56" s="2"/>
      <c r="H56" s="2"/>
    </row>
    <row r="57" spans="1:8">
      <c r="E57" s="2"/>
      <c r="F57" s="2"/>
      <c r="G57" s="2"/>
      <c r="H57" s="2"/>
    </row>
    <row r="58" spans="1:8">
      <c r="E58" s="5"/>
      <c r="F58" s="5"/>
      <c r="G58" s="5"/>
      <c r="H58" s="5"/>
    </row>
  </sheetData>
  <mergeCells count="12">
    <mergeCell ref="B42:D42"/>
    <mergeCell ref="D3:E4"/>
    <mergeCell ref="A9:I9"/>
    <mergeCell ref="A11:I11"/>
    <mergeCell ref="A13:H13"/>
    <mergeCell ref="A18:B18"/>
    <mergeCell ref="A22:B22"/>
    <mergeCell ref="A26:B26"/>
    <mergeCell ref="A31:B31"/>
    <mergeCell ref="B34:D34"/>
    <mergeCell ref="E34:H34"/>
    <mergeCell ref="B38:D38"/>
  </mergeCells>
  <phoneticPr fontId="12"/>
  <printOptions horizontalCentered="1"/>
  <pageMargins left="0.70866141732283472" right="0.70866141732283472" top="0.74803149606299213" bottom="0.74803149606299213" header="0.31496062992125984" footer="0.31496062992125984"/>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H641"/>
  <sheetViews>
    <sheetView showGridLines="0" view="pageBreakPreview" zoomScale="130" zoomScaleNormal="100" zoomScaleSheetLayoutView="130" workbookViewId="0">
      <selection activeCell="D6" sqref="D6"/>
    </sheetView>
  </sheetViews>
  <sheetFormatPr defaultColWidth="9" defaultRowHeight="12" outlineLevelRow="1"/>
  <cols>
    <col min="1" max="1" width="3.21875" style="9" customWidth="1"/>
    <col min="2" max="2" width="0.77734375" style="9" customWidth="1"/>
    <col min="3" max="3" width="16.44140625" style="34" customWidth="1"/>
    <col min="4" max="4" width="63.44140625" style="34" customWidth="1"/>
    <col min="5" max="7" width="2.6640625" style="35" customWidth="1"/>
    <col min="8" max="8" width="0.88671875" style="9" customWidth="1"/>
    <col min="9" max="16384" width="9" style="9"/>
  </cols>
  <sheetData>
    <row r="2" spans="3:7">
      <c r="C2" s="33" t="s">
        <v>104</v>
      </c>
    </row>
    <row r="3" spans="3:7" ht="12.6" thickBot="1">
      <c r="C3" s="36" t="s">
        <v>103</v>
      </c>
    </row>
    <row r="4" spans="3:7" ht="12" customHeight="1" outlineLevel="1">
      <c r="C4" s="368" t="s">
        <v>23</v>
      </c>
      <c r="D4" s="370" t="s">
        <v>24</v>
      </c>
      <c r="E4" s="372" t="s">
        <v>25</v>
      </c>
      <c r="F4" s="373"/>
      <c r="G4" s="361" t="s">
        <v>81</v>
      </c>
    </row>
    <row r="5" spans="3:7" outlineLevel="1">
      <c r="C5" s="369"/>
      <c r="D5" s="371"/>
      <c r="E5" s="23" t="s">
        <v>26</v>
      </c>
      <c r="F5" s="23" t="s">
        <v>27</v>
      </c>
      <c r="G5" s="362"/>
    </row>
    <row r="6" spans="3:7" ht="12" customHeight="1" outlineLevel="1">
      <c r="C6" s="12" t="s">
        <v>490</v>
      </c>
      <c r="D6" s="37" t="s">
        <v>491</v>
      </c>
      <c r="E6" s="10"/>
      <c r="F6" s="10"/>
      <c r="G6" s="363"/>
    </row>
    <row r="7" spans="3:7" ht="12" customHeight="1" outlineLevel="1">
      <c r="C7" s="12"/>
      <c r="D7" s="38" t="s">
        <v>180</v>
      </c>
      <c r="E7" s="15"/>
      <c r="F7" s="16"/>
      <c r="G7" s="354"/>
    </row>
    <row r="8" spans="3:7" ht="12" customHeight="1" outlineLevel="1">
      <c r="C8" s="12"/>
      <c r="D8" s="38" t="s">
        <v>414</v>
      </c>
      <c r="E8" s="15"/>
      <c r="F8" s="16"/>
      <c r="G8" s="354"/>
    </row>
    <row r="9" spans="3:7" ht="12" customHeight="1" outlineLevel="1">
      <c r="C9" s="12"/>
      <c r="D9" s="38" t="s">
        <v>124</v>
      </c>
      <c r="E9" s="16"/>
      <c r="F9" s="16"/>
      <c r="G9" s="354"/>
    </row>
    <row r="10" spans="3:7" ht="12" customHeight="1" outlineLevel="1">
      <c r="C10" s="12"/>
      <c r="D10" s="38" t="s">
        <v>132</v>
      </c>
      <c r="E10" s="16"/>
      <c r="F10" s="16"/>
      <c r="G10" s="354"/>
    </row>
    <row r="11" spans="3:7" ht="12" customHeight="1" outlineLevel="1">
      <c r="C11" s="12"/>
      <c r="D11" s="38" t="s">
        <v>875</v>
      </c>
      <c r="E11" s="15"/>
      <c r="F11" s="16"/>
      <c r="G11" s="354"/>
    </row>
    <row r="12" spans="3:7" ht="12" customHeight="1" outlineLevel="1">
      <c r="C12" s="12"/>
      <c r="D12" s="38" t="s">
        <v>876</v>
      </c>
      <c r="E12" s="15"/>
      <c r="F12" s="16"/>
      <c r="G12" s="354"/>
    </row>
    <row r="13" spans="3:7" ht="12" customHeight="1" outlineLevel="1">
      <c r="C13" s="12"/>
      <c r="D13" s="38" t="s">
        <v>877</v>
      </c>
      <c r="E13" s="15"/>
      <c r="F13" s="16"/>
      <c r="G13" s="354"/>
    </row>
    <row r="14" spans="3:7" ht="12" customHeight="1" outlineLevel="1">
      <c r="C14" s="12"/>
      <c r="D14" s="38"/>
      <c r="E14" s="15"/>
      <c r="F14" s="16"/>
      <c r="G14" s="360"/>
    </row>
    <row r="15" spans="3:7" ht="12" customHeight="1" outlineLevel="1">
      <c r="C15" s="12"/>
      <c r="D15" s="38"/>
      <c r="E15" s="16"/>
      <c r="F15" s="16"/>
      <c r="G15" s="17"/>
    </row>
    <row r="16" spans="3:7" ht="12" customHeight="1" outlineLevel="1">
      <c r="C16" s="12"/>
      <c r="D16" s="38" t="s">
        <v>181</v>
      </c>
      <c r="E16" s="15"/>
      <c r="F16" s="16"/>
      <c r="G16" s="354"/>
    </row>
    <row r="17" spans="3:7" ht="12" customHeight="1" outlineLevel="1">
      <c r="C17" s="12"/>
      <c r="D17" s="38" t="s">
        <v>878</v>
      </c>
      <c r="E17" s="15"/>
      <c r="F17" s="16"/>
      <c r="G17" s="354"/>
    </row>
    <row r="18" spans="3:7" ht="12" customHeight="1" outlineLevel="1">
      <c r="C18" s="12"/>
      <c r="D18" s="38" t="s">
        <v>879</v>
      </c>
      <c r="E18" s="15"/>
      <c r="F18" s="16"/>
      <c r="G18" s="354"/>
    </row>
    <row r="19" spans="3:7" ht="12" customHeight="1" outlineLevel="1">
      <c r="C19" s="12"/>
      <c r="D19" s="38" t="s">
        <v>880</v>
      </c>
      <c r="E19" s="15" t="s">
        <v>111</v>
      </c>
      <c r="F19" s="16"/>
      <c r="G19" s="354"/>
    </row>
    <row r="20" spans="3:7" ht="12" customHeight="1" outlineLevel="1">
      <c r="C20" s="12"/>
      <c r="D20" s="39" t="s">
        <v>873</v>
      </c>
      <c r="E20" s="321" t="s">
        <v>111</v>
      </c>
      <c r="F20" s="26"/>
      <c r="G20" s="354"/>
    </row>
    <row r="21" spans="3:7" ht="12" customHeight="1" outlineLevel="1">
      <c r="C21" s="12"/>
      <c r="D21" s="38" t="s">
        <v>881</v>
      </c>
      <c r="E21" s="322" t="s">
        <v>111</v>
      </c>
      <c r="F21" s="16"/>
      <c r="G21" s="354"/>
    </row>
    <row r="22" spans="3:7" ht="12" customHeight="1" outlineLevel="1">
      <c r="C22" s="12"/>
      <c r="D22" s="41" t="s">
        <v>882</v>
      </c>
      <c r="E22" s="324"/>
      <c r="F22" s="28"/>
      <c r="G22" s="354"/>
    </row>
    <row r="23" spans="3:7" ht="12" customHeight="1" outlineLevel="1">
      <c r="C23" s="12"/>
      <c r="D23" s="341" t="s">
        <v>850</v>
      </c>
      <c r="E23" s="324"/>
      <c r="F23" s="28"/>
      <c r="G23" s="354"/>
    </row>
    <row r="24" spans="3:7" ht="12" customHeight="1" outlineLevel="1">
      <c r="C24" s="12"/>
      <c r="D24" s="341" t="s">
        <v>849</v>
      </c>
      <c r="E24" s="324"/>
      <c r="F24" s="28"/>
      <c r="G24" s="354"/>
    </row>
    <row r="25" spans="3:7" ht="12" customHeight="1" outlineLevel="1">
      <c r="C25" s="12"/>
      <c r="D25" s="341"/>
      <c r="E25" s="324"/>
      <c r="F25" s="28"/>
      <c r="G25" s="354"/>
    </row>
    <row r="26" spans="3:7" ht="12" customHeight="1" outlineLevel="1">
      <c r="C26" s="40"/>
      <c r="D26" s="41"/>
      <c r="E26" s="27" t="s">
        <v>111</v>
      </c>
      <c r="F26" s="28"/>
      <c r="G26" s="360"/>
    </row>
    <row r="27" spans="3:7" ht="12.6" outlineLevel="1" thickBot="1">
      <c r="C27" s="42"/>
      <c r="D27" s="43"/>
      <c r="E27" s="44"/>
      <c r="F27" s="44"/>
      <c r="G27" s="45"/>
    </row>
    <row r="29" spans="3:7" ht="12.6" thickBot="1">
      <c r="C29" s="36" t="s">
        <v>1</v>
      </c>
    </row>
    <row r="30" spans="3:7" ht="12" customHeight="1" outlineLevel="1">
      <c r="C30" s="368" t="s">
        <v>23</v>
      </c>
      <c r="D30" s="370" t="s">
        <v>24</v>
      </c>
      <c r="E30" s="372" t="s">
        <v>25</v>
      </c>
      <c r="F30" s="380"/>
      <c r="G30" s="361" t="s">
        <v>81</v>
      </c>
    </row>
    <row r="31" spans="3:7" outlineLevel="1">
      <c r="C31" s="369"/>
      <c r="D31" s="371"/>
      <c r="E31" s="23" t="s">
        <v>26</v>
      </c>
      <c r="F31" s="23" t="s">
        <v>27</v>
      </c>
      <c r="G31" s="362"/>
    </row>
    <row r="32" spans="3:7" ht="24.9" customHeight="1" outlineLevel="1">
      <c r="C32" s="46" t="s">
        <v>105</v>
      </c>
      <c r="D32" s="47" t="s">
        <v>492</v>
      </c>
      <c r="E32" s="10"/>
      <c r="F32" s="11" t="s">
        <v>111</v>
      </c>
      <c r="G32" s="363"/>
    </row>
    <row r="33" spans="3:7" outlineLevel="1">
      <c r="C33" s="48"/>
      <c r="D33" s="49"/>
      <c r="E33" s="16"/>
      <c r="F33" s="16"/>
      <c r="G33" s="354"/>
    </row>
    <row r="34" spans="3:7" ht="24.9" customHeight="1" outlineLevel="1">
      <c r="C34" s="50" t="s">
        <v>106</v>
      </c>
      <c r="D34" s="51" t="s">
        <v>493</v>
      </c>
      <c r="E34" s="52"/>
      <c r="F34" s="15" t="s">
        <v>111</v>
      </c>
      <c r="G34" s="354"/>
    </row>
    <row r="35" spans="3:7" outlineLevel="1">
      <c r="C35" s="54"/>
      <c r="D35" s="49"/>
      <c r="E35" s="16"/>
      <c r="F35" s="16"/>
      <c r="G35" s="354"/>
    </row>
    <row r="36" spans="3:7" ht="37.5" customHeight="1" outlineLevel="1">
      <c r="C36" s="50" t="s">
        <v>107</v>
      </c>
      <c r="D36" s="51" t="s">
        <v>494</v>
      </c>
      <c r="E36" s="52"/>
      <c r="F36" s="15" t="s">
        <v>111</v>
      </c>
      <c r="G36" s="354"/>
    </row>
    <row r="37" spans="3:7" outlineLevel="1">
      <c r="C37" s="48"/>
      <c r="D37" s="49"/>
      <c r="E37" s="16"/>
      <c r="F37" s="16"/>
      <c r="G37" s="354"/>
    </row>
    <row r="38" spans="3:7" ht="12" customHeight="1" outlineLevel="1">
      <c r="C38" s="48" t="s">
        <v>495</v>
      </c>
      <c r="D38" s="49" t="s">
        <v>391</v>
      </c>
      <c r="E38" s="16"/>
      <c r="F38" s="15"/>
      <c r="G38" s="354"/>
    </row>
    <row r="39" spans="3:7" outlineLevel="1">
      <c r="C39" s="54"/>
      <c r="D39" s="49"/>
      <c r="E39" s="16"/>
      <c r="F39" s="16"/>
      <c r="G39" s="354"/>
    </row>
    <row r="40" spans="3:7" ht="12" customHeight="1" outlineLevel="1">
      <c r="C40" s="54" t="s">
        <v>108</v>
      </c>
      <c r="D40" s="49" t="s">
        <v>183</v>
      </c>
      <c r="E40" s="16"/>
      <c r="F40" s="15" t="s">
        <v>111</v>
      </c>
      <c r="G40" s="354"/>
    </row>
    <row r="41" spans="3:7" outlineLevel="1">
      <c r="C41" s="54"/>
      <c r="D41" s="55"/>
      <c r="E41" s="16"/>
      <c r="F41" s="16"/>
      <c r="G41" s="354"/>
    </row>
    <row r="42" spans="3:7" ht="12" customHeight="1" outlineLevel="1">
      <c r="C42" s="54" t="s">
        <v>465</v>
      </c>
      <c r="D42" s="55" t="s">
        <v>182</v>
      </c>
      <c r="E42" s="16"/>
      <c r="F42" s="15" t="s">
        <v>111</v>
      </c>
      <c r="G42" s="360"/>
    </row>
    <row r="43" spans="3:7" ht="12.6" outlineLevel="1" thickBot="1">
      <c r="C43" s="56"/>
      <c r="D43" s="57"/>
      <c r="E43" s="58"/>
      <c r="F43" s="58"/>
      <c r="G43" s="45"/>
    </row>
    <row r="44" spans="3:7" outlineLevel="1">
      <c r="C44" s="59"/>
      <c r="D44" s="60"/>
      <c r="E44" s="61"/>
      <c r="F44" s="61"/>
      <c r="G44" s="61"/>
    </row>
    <row r="45" spans="3:7" ht="12.6" thickBot="1">
      <c r="C45" s="62" t="s">
        <v>496</v>
      </c>
      <c r="D45" s="63"/>
      <c r="E45" s="64"/>
      <c r="F45" s="64"/>
      <c r="G45" s="64"/>
    </row>
    <row r="46" spans="3:7" ht="12" customHeight="1" outlineLevel="1">
      <c r="C46" s="368" t="s">
        <v>23</v>
      </c>
      <c r="D46" s="370" t="s">
        <v>24</v>
      </c>
      <c r="E46" s="372" t="s">
        <v>25</v>
      </c>
      <c r="F46" s="373"/>
      <c r="G46" s="361" t="s">
        <v>81</v>
      </c>
    </row>
    <row r="47" spans="3:7" outlineLevel="1">
      <c r="C47" s="369"/>
      <c r="D47" s="371"/>
      <c r="E47" s="23" t="s">
        <v>26</v>
      </c>
      <c r="F47" s="23" t="s">
        <v>27</v>
      </c>
      <c r="G47" s="362"/>
    </row>
    <row r="48" spans="3:7" ht="12" customHeight="1" outlineLevel="1">
      <c r="C48" s="12" t="s">
        <v>261</v>
      </c>
      <c r="D48" s="65" t="s">
        <v>262</v>
      </c>
      <c r="E48" s="11" t="s">
        <v>111</v>
      </c>
      <c r="F48" s="10"/>
      <c r="G48" s="331" t="s">
        <v>111</v>
      </c>
    </row>
    <row r="49" spans="3:7" ht="12" customHeight="1" outlineLevel="1">
      <c r="C49" s="54"/>
      <c r="D49" s="66"/>
      <c r="E49" s="16"/>
      <c r="F49" s="16"/>
      <c r="G49" s="67"/>
    </row>
    <row r="50" spans="3:7" ht="12" customHeight="1" outlineLevel="1">
      <c r="C50" s="54" t="s">
        <v>66</v>
      </c>
      <c r="D50" s="66" t="s">
        <v>184</v>
      </c>
      <c r="E50" s="15" t="s">
        <v>111</v>
      </c>
      <c r="F50" s="16"/>
      <c r="G50" s="68" t="s">
        <v>111</v>
      </c>
    </row>
    <row r="51" spans="3:7" ht="12" customHeight="1" outlineLevel="1">
      <c r="C51" s="54"/>
      <c r="D51" s="66"/>
      <c r="E51" s="16"/>
      <c r="F51" s="16"/>
      <c r="G51" s="67"/>
    </row>
    <row r="52" spans="3:7" ht="12" customHeight="1" outlineLevel="1">
      <c r="C52" s="50" t="s">
        <v>82</v>
      </c>
      <c r="D52" s="69" t="s">
        <v>415</v>
      </c>
      <c r="E52" s="15" t="s">
        <v>111</v>
      </c>
      <c r="F52" s="52"/>
      <c r="G52" s="68" t="s">
        <v>111</v>
      </c>
    </row>
    <row r="53" spans="3:7" ht="12" customHeight="1" outlineLevel="1">
      <c r="C53" s="54"/>
      <c r="D53" s="66"/>
      <c r="E53" s="16"/>
      <c r="F53" s="16"/>
      <c r="G53" s="67"/>
    </row>
    <row r="54" spans="3:7" ht="12" customHeight="1" outlineLevel="1">
      <c r="C54" s="50" t="s">
        <v>497</v>
      </c>
      <c r="D54" s="70" t="s">
        <v>416</v>
      </c>
      <c r="E54" s="321"/>
      <c r="F54" s="343" t="s">
        <v>111</v>
      </c>
      <c r="G54" s="68" t="s">
        <v>111</v>
      </c>
    </row>
    <row r="55" spans="3:7" ht="12" customHeight="1" outlineLevel="1">
      <c r="C55" s="54"/>
      <c r="D55" s="18"/>
      <c r="E55" s="16"/>
      <c r="F55" s="16"/>
      <c r="G55" s="67"/>
    </row>
    <row r="56" spans="3:7" ht="12" customHeight="1" outlineLevel="1">
      <c r="C56" s="50" t="s">
        <v>67</v>
      </c>
      <c r="D56" s="69" t="s">
        <v>185</v>
      </c>
      <c r="E56" s="52"/>
      <c r="F56" s="52"/>
      <c r="G56" s="354" t="s">
        <v>111</v>
      </c>
    </row>
    <row r="57" spans="3:7" ht="12" customHeight="1" outlineLevel="1">
      <c r="C57" s="50"/>
      <c r="D57" s="18" t="s">
        <v>466</v>
      </c>
      <c r="E57" s="15" t="s">
        <v>111</v>
      </c>
      <c r="F57" s="16"/>
      <c r="G57" s="354"/>
    </row>
    <row r="58" spans="3:7" ht="12" customHeight="1" outlineLevel="1">
      <c r="C58" s="50"/>
      <c r="D58" s="18" t="s">
        <v>417</v>
      </c>
      <c r="E58" s="15" t="s">
        <v>111</v>
      </c>
      <c r="F58" s="16"/>
      <c r="G58" s="354"/>
    </row>
    <row r="59" spans="3:7" ht="12" customHeight="1" outlineLevel="1">
      <c r="C59" s="54"/>
      <c r="D59" s="18"/>
      <c r="E59" s="16"/>
      <c r="F59" s="16"/>
      <c r="G59" s="67"/>
    </row>
    <row r="60" spans="3:7" ht="12" customHeight="1" outlineLevel="1">
      <c r="C60" s="50" t="s">
        <v>70</v>
      </c>
      <c r="D60" s="69" t="s">
        <v>498</v>
      </c>
      <c r="E60" s="52"/>
      <c r="F60" s="52"/>
      <c r="G60" s="354" t="s">
        <v>111</v>
      </c>
    </row>
    <row r="61" spans="3:7" ht="12" customHeight="1" outlineLevel="1">
      <c r="C61" s="50"/>
      <c r="D61" s="18" t="s">
        <v>466</v>
      </c>
      <c r="E61" s="15" t="s">
        <v>111</v>
      </c>
      <c r="F61" s="16"/>
      <c r="G61" s="354"/>
    </row>
    <row r="62" spans="3:7" ht="12" customHeight="1" outlineLevel="1">
      <c r="C62" s="50"/>
      <c r="D62" s="18" t="s">
        <v>75</v>
      </c>
      <c r="E62" s="15" t="s">
        <v>111</v>
      </c>
      <c r="F62" s="16" t="s">
        <v>111</v>
      </c>
      <c r="G62" s="354"/>
    </row>
    <row r="63" spans="3:7" ht="12" customHeight="1" outlineLevel="1">
      <c r="C63" s="54"/>
      <c r="D63" s="69"/>
      <c r="E63" s="52"/>
      <c r="F63" s="52"/>
      <c r="G63" s="67"/>
    </row>
    <row r="64" spans="3:7" ht="12" customHeight="1" outlineLevel="1">
      <c r="C64" s="50" t="s">
        <v>96</v>
      </c>
      <c r="D64" s="18" t="s">
        <v>186</v>
      </c>
      <c r="E64" s="16"/>
      <c r="F64" s="16"/>
      <c r="G64" s="354"/>
    </row>
    <row r="65" spans="3:7" ht="12" customHeight="1" outlineLevel="1">
      <c r="C65" s="50"/>
      <c r="D65" s="18" t="s">
        <v>466</v>
      </c>
      <c r="E65" s="15" t="s">
        <v>111</v>
      </c>
      <c r="F65" s="16"/>
      <c r="G65" s="354"/>
    </row>
    <row r="66" spans="3:7" ht="12" customHeight="1" outlineLevel="1">
      <c r="C66" s="50"/>
      <c r="D66" s="18" t="s">
        <v>97</v>
      </c>
      <c r="E66" s="15" t="s">
        <v>111</v>
      </c>
      <c r="F66" s="16" t="s">
        <v>111</v>
      </c>
      <c r="G66" s="354"/>
    </row>
    <row r="67" spans="3:7" ht="12" customHeight="1" outlineLevel="1">
      <c r="C67" s="50"/>
      <c r="D67" s="70" t="s">
        <v>263</v>
      </c>
      <c r="E67" s="15" t="s">
        <v>111</v>
      </c>
      <c r="F67" s="16" t="s">
        <v>111</v>
      </c>
      <c r="G67" s="354"/>
    </row>
    <row r="68" spans="3:7" ht="12" customHeight="1" outlineLevel="1">
      <c r="C68" s="54"/>
      <c r="D68" s="18"/>
      <c r="E68" s="16"/>
      <c r="F68" s="16"/>
      <c r="G68" s="67"/>
    </row>
    <row r="69" spans="3:7" ht="12" customHeight="1" outlineLevel="1">
      <c r="C69" s="50" t="s">
        <v>95</v>
      </c>
      <c r="D69" s="18" t="s">
        <v>499</v>
      </c>
      <c r="E69" s="16"/>
      <c r="F69" s="16"/>
      <c r="G69" s="354"/>
    </row>
    <row r="70" spans="3:7" ht="12" customHeight="1" outlineLevel="1">
      <c r="C70" s="50"/>
      <c r="D70" s="18" t="s">
        <v>466</v>
      </c>
      <c r="E70" s="15" t="s">
        <v>111</v>
      </c>
      <c r="F70" s="16"/>
      <c r="G70" s="354"/>
    </row>
    <row r="71" spans="3:7" ht="12" customHeight="1" outlineLevel="1">
      <c r="C71" s="50"/>
      <c r="D71" s="18" t="s">
        <v>99</v>
      </c>
      <c r="E71" s="15" t="s">
        <v>111</v>
      </c>
      <c r="F71" s="16" t="s">
        <v>111</v>
      </c>
      <c r="G71" s="354"/>
    </row>
    <row r="72" spans="3:7" ht="12" customHeight="1" outlineLevel="1">
      <c r="C72" s="50"/>
      <c r="D72" s="18" t="s">
        <v>98</v>
      </c>
      <c r="E72" s="15" t="s">
        <v>111</v>
      </c>
      <c r="F72" s="16" t="s">
        <v>111</v>
      </c>
      <c r="G72" s="354"/>
    </row>
    <row r="73" spans="3:7" ht="12" customHeight="1" outlineLevel="1">
      <c r="C73" s="54"/>
      <c r="D73" s="18"/>
      <c r="E73" s="16"/>
      <c r="F73" s="16"/>
      <c r="G73" s="67"/>
    </row>
    <row r="74" spans="3:7" ht="12" customHeight="1" outlineLevel="1">
      <c r="C74" s="50" t="s">
        <v>418</v>
      </c>
      <c r="D74" s="18" t="s">
        <v>467</v>
      </c>
      <c r="E74" s="16"/>
      <c r="F74" s="16"/>
      <c r="G74" s="354" t="s">
        <v>111</v>
      </c>
    </row>
    <row r="75" spans="3:7" ht="12" customHeight="1" outlineLevel="1">
      <c r="C75" s="50"/>
      <c r="D75" s="18" t="s">
        <v>500</v>
      </c>
      <c r="E75" s="15" t="s">
        <v>111</v>
      </c>
      <c r="F75" s="16"/>
      <c r="G75" s="354"/>
    </row>
    <row r="76" spans="3:7" ht="12" customHeight="1" outlineLevel="1">
      <c r="C76" s="50"/>
      <c r="D76" s="18" t="s">
        <v>83</v>
      </c>
      <c r="E76" s="15" t="s">
        <v>111</v>
      </c>
      <c r="F76" s="16" t="s">
        <v>111</v>
      </c>
      <c r="G76" s="354"/>
    </row>
    <row r="77" spans="3:7" ht="12" customHeight="1" outlineLevel="1">
      <c r="C77" s="54"/>
      <c r="D77" s="18"/>
      <c r="E77" s="16"/>
      <c r="F77" s="16"/>
      <c r="G77" s="67"/>
    </row>
    <row r="78" spans="3:7" ht="12" customHeight="1" outlineLevel="1">
      <c r="C78" s="50" t="s">
        <v>501</v>
      </c>
      <c r="D78" s="18" t="s">
        <v>419</v>
      </c>
      <c r="E78" s="16"/>
      <c r="F78" s="16"/>
      <c r="G78" s="354" t="s">
        <v>111</v>
      </c>
    </row>
    <row r="79" spans="3:7" ht="12" customHeight="1" outlineLevel="1">
      <c r="C79" s="50"/>
      <c r="D79" s="18" t="s">
        <v>466</v>
      </c>
      <c r="E79" s="15" t="s">
        <v>111</v>
      </c>
      <c r="F79" s="16"/>
      <c r="G79" s="354"/>
    </row>
    <row r="80" spans="3:7" ht="12" customHeight="1" outlineLevel="1">
      <c r="C80" s="50"/>
      <c r="D80" s="18" t="s">
        <v>76</v>
      </c>
      <c r="E80" s="15" t="s">
        <v>111</v>
      </c>
      <c r="F80" s="16" t="s">
        <v>111</v>
      </c>
      <c r="G80" s="354"/>
    </row>
    <row r="81" spans="3:7" ht="12" customHeight="1" outlineLevel="1">
      <c r="C81" s="54"/>
      <c r="D81" s="18"/>
      <c r="E81" s="16"/>
      <c r="F81" s="16"/>
      <c r="G81" s="67"/>
    </row>
    <row r="82" spans="3:7" ht="12" customHeight="1" outlineLevel="1">
      <c r="C82" s="50" t="s">
        <v>72</v>
      </c>
      <c r="D82" s="18" t="s">
        <v>187</v>
      </c>
      <c r="E82" s="16"/>
      <c r="F82" s="16"/>
      <c r="G82" s="354" t="s">
        <v>111</v>
      </c>
    </row>
    <row r="83" spans="3:7" ht="12" customHeight="1" outlineLevel="1">
      <c r="C83" s="50"/>
      <c r="D83" s="18" t="s">
        <v>466</v>
      </c>
      <c r="E83" s="15" t="s">
        <v>111</v>
      </c>
      <c r="F83" s="16"/>
      <c r="G83" s="354"/>
    </row>
    <row r="84" spans="3:7" ht="12" customHeight="1" outlineLevel="1">
      <c r="C84" s="50"/>
      <c r="D84" s="18" t="s">
        <v>76</v>
      </c>
      <c r="E84" s="15" t="s">
        <v>111</v>
      </c>
      <c r="F84" s="343" t="s">
        <v>111</v>
      </c>
      <c r="G84" s="354"/>
    </row>
    <row r="85" spans="3:7" ht="12" customHeight="1" outlineLevel="1">
      <c r="C85" s="54"/>
      <c r="D85" s="18"/>
      <c r="E85" s="16"/>
      <c r="F85" s="16"/>
      <c r="G85" s="67"/>
    </row>
    <row r="86" spans="3:7" ht="12" customHeight="1" outlineLevel="1">
      <c r="C86" s="50" t="s">
        <v>71</v>
      </c>
      <c r="D86" s="18" t="s">
        <v>502</v>
      </c>
      <c r="E86" s="16"/>
      <c r="F86" s="16"/>
      <c r="G86" s="354" t="s">
        <v>111</v>
      </c>
    </row>
    <row r="87" spans="3:7" ht="12" customHeight="1" outlineLevel="1">
      <c r="C87" s="50"/>
      <c r="D87" s="18" t="s">
        <v>466</v>
      </c>
      <c r="E87" s="15" t="s">
        <v>111</v>
      </c>
      <c r="F87" s="16"/>
      <c r="G87" s="354"/>
    </row>
    <row r="88" spans="3:7" ht="12" customHeight="1" outlineLevel="1">
      <c r="C88" s="50"/>
      <c r="D88" s="18" t="s">
        <v>468</v>
      </c>
      <c r="E88" s="15" t="s">
        <v>111</v>
      </c>
      <c r="F88" s="16"/>
      <c r="G88" s="354"/>
    </row>
    <row r="89" spans="3:7" ht="12" customHeight="1" outlineLevel="1">
      <c r="C89" s="50"/>
      <c r="D89" s="18" t="s">
        <v>469</v>
      </c>
      <c r="E89" s="15" t="s">
        <v>111</v>
      </c>
      <c r="F89" s="16" t="s">
        <v>111</v>
      </c>
      <c r="G89" s="354"/>
    </row>
    <row r="90" spans="3:7" ht="12" customHeight="1" outlineLevel="1">
      <c r="C90" s="50"/>
      <c r="D90" s="18" t="s">
        <v>470</v>
      </c>
      <c r="E90" s="15" t="s">
        <v>111</v>
      </c>
      <c r="F90" s="16" t="s">
        <v>111</v>
      </c>
      <c r="G90" s="354"/>
    </row>
    <row r="91" spans="3:7" ht="12" customHeight="1" outlineLevel="1">
      <c r="C91" s="54"/>
      <c r="D91" s="18"/>
      <c r="E91" s="16"/>
      <c r="F91" s="16"/>
      <c r="G91" s="67"/>
    </row>
    <row r="92" spans="3:7" ht="12" customHeight="1" outlineLevel="1">
      <c r="C92" s="50" t="s">
        <v>503</v>
      </c>
      <c r="D92" s="18" t="s">
        <v>420</v>
      </c>
      <c r="E92" s="16"/>
      <c r="F92" s="16"/>
      <c r="G92" s="354" t="s">
        <v>111</v>
      </c>
    </row>
    <row r="93" spans="3:7" ht="12" customHeight="1" outlineLevel="1">
      <c r="C93" s="50"/>
      <c r="D93" s="18" t="s">
        <v>471</v>
      </c>
      <c r="E93" s="15" t="s">
        <v>111</v>
      </c>
      <c r="F93" s="16"/>
      <c r="G93" s="354"/>
    </row>
    <row r="94" spans="3:7" ht="24.9" customHeight="1" outlineLevel="1">
      <c r="C94" s="50"/>
      <c r="D94" s="71" t="s">
        <v>883</v>
      </c>
      <c r="E94" s="15" t="s">
        <v>111</v>
      </c>
      <c r="F94" s="16" t="s">
        <v>111</v>
      </c>
      <c r="G94" s="354"/>
    </row>
    <row r="95" spans="3:7" ht="12" customHeight="1" outlineLevel="1">
      <c r="C95" s="54"/>
      <c r="D95" s="18"/>
      <c r="E95" s="16"/>
      <c r="F95" s="16"/>
      <c r="G95" s="67"/>
    </row>
    <row r="96" spans="3:7" ht="12" customHeight="1" outlineLevel="1">
      <c r="C96" s="50" t="s">
        <v>68</v>
      </c>
      <c r="D96" s="18" t="s">
        <v>838</v>
      </c>
      <c r="E96" s="16"/>
      <c r="F96" s="16"/>
      <c r="G96" s="354" t="s">
        <v>111</v>
      </c>
    </row>
    <row r="97" spans="3:7" ht="12" customHeight="1" outlineLevel="1">
      <c r="C97" s="50"/>
      <c r="D97" s="18" t="s">
        <v>472</v>
      </c>
      <c r="E97" s="15" t="s">
        <v>111</v>
      </c>
      <c r="F97" s="16"/>
      <c r="G97" s="354"/>
    </row>
    <row r="98" spans="3:7" ht="12" customHeight="1" outlineLevel="1">
      <c r="C98" s="50"/>
      <c r="D98" s="18" t="s">
        <v>77</v>
      </c>
      <c r="E98" s="15" t="s">
        <v>111</v>
      </c>
      <c r="F98" s="16" t="s">
        <v>111</v>
      </c>
      <c r="G98" s="354"/>
    </row>
    <row r="99" spans="3:7" ht="12" customHeight="1" outlineLevel="1" thickBot="1">
      <c r="C99" s="73"/>
      <c r="D99" s="29"/>
      <c r="E99" s="58"/>
      <c r="F99" s="58"/>
      <c r="G99" s="74"/>
    </row>
    <row r="100" spans="3:7" ht="13.5" customHeight="1" outlineLevel="1">
      <c r="C100" s="63"/>
      <c r="D100" s="75"/>
      <c r="E100" s="64"/>
      <c r="F100" s="64"/>
      <c r="G100" s="64"/>
    </row>
    <row r="101" spans="3:7" ht="13.5" customHeight="1">
      <c r="C101" s="76" t="s">
        <v>504</v>
      </c>
    </row>
    <row r="102" spans="3:7" ht="13.5" customHeight="1">
      <c r="C102" s="36" t="s">
        <v>505</v>
      </c>
    </row>
    <row r="103" spans="3:7" ht="14.25" customHeight="1" thickBot="1">
      <c r="C103" s="77" t="s">
        <v>136</v>
      </c>
    </row>
    <row r="104" spans="3:7" ht="13.5" customHeight="1">
      <c r="C104" s="368" t="s">
        <v>23</v>
      </c>
      <c r="D104" s="370" t="s">
        <v>24</v>
      </c>
      <c r="E104" s="372" t="s">
        <v>25</v>
      </c>
      <c r="F104" s="373"/>
      <c r="G104" s="78" t="s">
        <v>81</v>
      </c>
    </row>
    <row r="105" spans="3:7" ht="13.5" customHeight="1">
      <c r="C105" s="369"/>
      <c r="D105" s="371"/>
      <c r="E105" s="23" t="s">
        <v>26</v>
      </c>
      <c r="F105" s="23" t="s">
        <v>27</v>
      </c>
      <c r="G105" s="79"/>
    </row>
    <row r="106" spans="3:7" ht="13.5" customHeight="1">
      <c r="C106" s="46" t="s">
        <v>3</v>
      </c>
      <c r="D106" s="31" t="s">
        <v>506</v>
      </c>
      <c r="E106" s="11" t="s">
        <v>111</v>
      </c>
      <c r="F106" s="11" t="s">
        <v>111</v>
      </c>
      <c r="G106" s="331" t="s">
        <v>111</v>
      </c>
    </row>
    <row r="107" spans="3:7" ht="12" customHeight="1">
      <c r="C107" s="54"/>
      <c r="D107" s="21"/>
      <c r="E107" s="16"/>
      <c r="F107" s="16"/>
      <c r="G107" s="67"/>
    </row>
    <row r="108" spans="3:7" ht="12" customHeight="1">
      <c r="C108" s="54" t="s">
        <v>4</v>
      </c>
      <c r="D108" s="21"/>
      <c r="E108" s="16"/>
      <c r="F108" s="16"/>
      <c r="G108" s="354" t="s">
        <v>111</v>
      </c>
    </row>
    <row r="109" spans="3:7" ht="12" customHeight="1">
      <c r="C109" s="50" t="s">
        <v>5</v>
      </c>
      <c r="D109" s="80" t="s">
        <v>188</v>
      </c>
      <c r="E109" s="52"/>
      <c r="F109" s="15" t="s">
        <v>111</v>
      </c>
      <c r="G109" s="354"/>
    </row>
    <row r="110" spans="3:7" ht="12" customHeight="1">
      <c r="C110" s="50"/>
      <c r="D110" s="21" t="s">
        <v>189</v>
      </c>
      <c r="E110" s="16"/>
      <c r="F110" s="15" t="s">
        <v>111</v>
      </c>
      <c r="G110" s="354"/>
    </row>
    <row r="111" spans="3:7" ht="12" customHeight="1">
      <c r="C111" s="50"/>
      <c r="D111" s="21" t="s">
        <v>190</v>
      </c>
      <c r="E111" s="16"/>
      <c r="F111" s="15" t="s">
        <v>111</v>
      </c>
      <c r="G111" s="354"/>
    </row>
    <row r="112" spans="3:7" ht="12" customHeight="1">
      <c r="C112" s="50"/>
      <c r="D112" s="21" t="s">
        <v>191</v>
      </c>
      <c r="E112" s="16"/>
      <c r="F112" s="15" t="s">
        <v>111</v>
      </c>
      <c r="G112" s="354"/>
    </row>
    <row r="113" spans="3:7" ht="12" customHeight="1">
      <c r="C113" s="50"/>
      <c r="D113" s="21" t="s">
        <v>192</v>
      </c>
      <c r="E113" s="16"/>
      <c r="F113" s="15" t="s">
        <v>111</v>
      </c>
      <c r="G113" s="354"/>
    </row>
    <row r="114" spans="3:7" ht="12" customHeight="1">
      <c r="C114" s="50"/>
      <c r="D114" s="21" t="s">
        <v>421</v>
      </c>
      <c r="E114" s="81"/>
      <c r="F114" s="81"/>
      <c r="G114" s="354"/>
    </row>
    <row r="115" spans="3:7" ht="12" customHeight="1">
      <c r="C115" s="50"/>
      <c r="D115" s="18" t="s">
        <v>466</v>
      </c>
      <c r="E115" s="15" t="s">
        <v>111</v>
      </c>
      <c r="F115" s="81"/>
      <c r="G115" s="354"/>
    </row>
    <row r="116" spans="3:7" ht="12" customHeight="1">
      <c r="C116" s="40"/>
      <c r="D116" s="21" t="s">
        <v>473</v>
      </c>
      <c r="E116" s="15" t="s">
        <v>111</v>
      </c>
      <c r="F116" s="15" t="s">
        <v>111</v>
      </c>
      <c r="G116" s="354"/>
    </row>
    <row r="117" spans="3:7" ht="12" customHeight="1">
      <c r="C117" s="50" t="s">
        <v>6</v>
      </c>
      <c r="D117" s="21" t="s">
        <v>193</v>
      </c>
      <c r="E117" s="15" t="s">
        <v>111</v>
      </c>
      <c r="F117" s="15" t="s">
        <v>111</v>
      </c>
      <c r="G117" s="354"/>
    </row>
    <row r="118" spans="3:7" ht="12" customHeight="1">
      <c r="C118" s="50"/>
      <c r="D118" s="82" t="s">
        <v>194</v>
      </c>
      <c r="E118" s="26"/>
      <c r="F118" s="15" t="s">
        <v>111</v>
      </c>
      <c r="G118" s="354"/>
    </row>
    <row r="119" spans="3:7" ht="12" customHeight="1">
      <c r="C119" s="54"/>
      <c r="D119" s="21"/>
      <c r="E119" s="16"/>
      <c r="F119" s="16"/>
      <c r="G119" s="67"/>
    </row>
    <row r="120" spans="3:7" ht="12" customHeight="1">
      <c r="C120" s="54" t="s">
        <v>507</v>
      </c>
      <c r="D120" s="21" t="s">
        <v>195</v>
      </c>
      <c r="E120" s="15" t="s">
        <v>111</v>
      </c>
      <c r="F120" s="16"/>
      <c r="G120" s="358" t="s">
        <v>111</v>
      </c>
    </row>
    <row r="121" spans="3:7" ht="12" customHeight="1">
      <c r="C121" s="50" t="s">
        <v>264</v>
      </c>
      <c r="D121" s="80" t="s">
        <v>196</v>
      </c>
      <c r="E121" s="52"/>
      <c r="F121" s="15" t="s">
        <v>111</v>
      </c>
      <c r="G121" s="354"/>
    </row>
    <row r="122" spans="3:7" ht="12" customHeight="1">
      <c r="C122" s="50"/>
      <c r="D122" s="83" t="s">
        <v>197</v>
      </c>
      <c r="E122" s="84"/>
      <c r="F122" s="15" t="s">
        <v>111</v>
      </c>
      <c r="G122" s="354"/>
    </row>
    <row r="123" spans="3:7" ht="24.9" customHeight="1">
      <c r="C123" s="50"/>
      <c r="D123" s="83" t="s">
        <v>508</v>
      </c>
      <c r="E123" s="84"/>
      <c r="F123" s="15" t="s">
        <v>111</v>
      </c>
      <c r="G123" s="354"/>
    </row>
    <row r="124" spans="3:7" ht="12" customHeight="1">
      <c r="C124" s="54" t="s">
        <v>7</v>
      </c>
      <c r="D124" s="83" t="s">
        <v>509</v>
      </c>
      <c r="E124" s="84"/>
      <c r="F124" s="15" t="s">
        <v>111</v>
      </c>
      <c r="G124" s="354"/>
    </row>
    <row r="125" spans="3:7" ht="12" customHeight="1">
      <c r="C125" s="54" t="s">
        <v>8</v>
      </c>
      <c r="D125" s="83" t="s">
        <v>510</v>
      </c>
      <c r="E125" s="84"/>
      <c r="F125" s="15" t="s">
        <v>111</v>
      </c>
      <c r="G125" s="354"/>
    </row>
    <row r="126" spans="3:7" ht="12" customHeight="1">
      <c r="C126" s="54" t="s">
        <v>131</v>
      </c>
      <c r="D126" s="83" t="s">
        <v>511</v>
      </c>
      <c r="E126" s="84"/>
      <c r="F126" s="15" t="s">
        <v>111</v>
      </c>
      <c r="G126" s="360"/>
    </row>
    <row r="127" spans="3:7" ht="12" customHeight="1">
      <c r="C127" s="54"/>
      <c r="D127" s="83"/>
      <c r="E127" s="84"/>
      <c r="F127" s="85"/>
      <c r="G127" s="86"/>
    </row>
    <row r="128" spans="3:7" ht="19.2">
      <c r="C128" s="87" t="s">
        <v>392</v>
      </c>
      <c r="D128" s="83" t="s">
        <v>198</v>
      </c>
      <c r="E128" s="84"/>
      <c r="F128" s="15" t="s">
        <v>111</v>
      </c>
      <c r="G128" s="354"/>
    </row>
    <row r="129" spans="3:7" ht="12" customHeight="1">
      <c r="C129" s="40"/>
      <c r="D129" s="83" t="s">
        <v>512</v>
      </c>
      <c r="E129" s="84"/>
      <c r="F129" s="15" t="s">
        <v>111</v>
      </c>
      <c r="G129" s="354"/>
    </row>
    <row r="130" spans="3:7" ht="12" customHeight="1">
      <c r="C130" s="40"/>
      <c r="D130" s="83"/>
      <c r="E130" s="84"/>
      <c r="F130" s="85"/>
      <c r="G130" s="67"/>
    </row>
    <row r="131" spans="3:7" ht="12" customHeight="1">
      <c r="C131" s="87" t="s">
        <v>393</v>
      </c>
      <c r="D131" s="83" t="s">
        <v>423</v>
      </c>
      <c r="E131" s="84"/>
      <c r="F131" s="85"/>
      <c r="G131" s="391"/>
    </row>
    <row r="132" spans="3:7" ht="12" customHeight="1">
      <c r="C132" s="87"/>
      <c r="D132" s="88" t="s">
        <v>466</v>
      </c>
      <c r="E132" s="15" t="s">
        <v>111</v>
      </c>
      <c r="F132" s="85"/>
      <c r="G132" s="392"/>
    </row>
    <row r="133" spans="3:7" ht="12" customHeight="1">
      <c r="C133" s="87"/>
      <c r="D133" s="88" t="s">
        <v>474</v>
      </c>
      <c r="E133" s="15" t="s">
        <v>111</v>
      </c>
      <c r="F133" s="85"/>
      <c r="G133" s="392"/>
    </row>
    <row r="134" spans="3:7" ht="12" customHeight="1">
      <c r="C134" s="87"/>
      <c r="D134" s="88" t="s">
        <v>422</v>
      </c>
      <c r="E134" s="84"/>
      <c r="F134" s="84"/>
      <c r="G134" s="392"/>
    </row>
    <row r="135" spans="3:7" ht="12" customHeight="1">
      <c r="C135" s="87"/>
      <c r="D135" s="83" t="s">
        <v>513</v>
      </c>
      <c r="E135" s="84"/>
      <c r="F135" s="15" t="s">
        <v>111</v>
      </c>
      <c r="G135" s="392"/>
    </row>
    <row r="136" spans="3:7" ht="12" customHeight="1">
      <c r="C136" s="40"/>
      <c r="D136" s="83" t="s">
        <v>514</v>
      </c>
      <c r="E136" s="84"/>
      <c r="F136" s="15" t="s">
        <v>111</v>
      </c>
      <c r="G136" s="393"/>
    </row>
    <row r="137" spans="3:7" ht="12" customHeight="1" thickBot="1">
      <c r="C137" s="42"/>
      <c r="D137" s="89"/>
      <c r="E137" s="90"/>
      <c r="F137" s="91"/>
      <c r="G137" s="45"/>
    </row>
    <row r="139" spans="3:7" ht="12.6" thickBot="1">
      <c r="C139" s="36" t="s">
        <v>137</v>
      </c>
    </row>
    <row r="140" spans="3:7">
      <c r="C140" s="368" t="s">
        <v>23</v>
      </c>
      <c r="D140" s="370" t="s">
        <v>24</v>
      </c>
      <c r="E140" s="372" t="s">
        <v>25</v>
      </c>
      <c r="F140" s="373"/>
      <c r="G140" s="361" t="s">
        <v>81</v>
      </c>
    </row>
    <row r="141" spans="3:7">
      <c r="C141" s="369"/>
      <c r="D141" s="371"/>
      <c r="E141" s="23" t="s">
        <v>26</v>
      </c>
      <c r="F141" s="23" t="s">
        <v>27</v>
      </c>
      <c r="G141" s="362"/>
    </row>
    <row r="142" spans="3:7" ht="12" customHeight="1">
      <c r="C142" s="50" t="s">
        <v>138</v>
      </c>
      <c r="D142" s="80" t="s">
        <v>515</v>
      </c>
      <c r="E142" s="52"/>
      <c r="F142" s="53" t="s">
        <v>111</v>
      </c>
      <c r="G142" s="394" t="s">
        <v>111</v>
      </c>
    </row>
    <row r="143" spans="3:7" ht="12" customHeight="1">
      <c r="C143" s="50"/>
      <c r="D143" s="21" t="s">
        <v>199</v>
      </c>
      <c r="E143" s="16"/>
      <c r="F143" s="15" t="s">
        <v>111</v>
      </c>
      <c r="G143" s="356"/>
    </row>
    <row r="144" spans="3:7" ht="24.9" customHeight="1">
      <c r="C144" s="50"/>
      <c r="D144" s="21" t="s">
        <v>200</v>
      </c>
      <c r="E144" s="16"/>
      <c r="F144" s="15" t="s">
        <v>111</v>
      </c>
      <c r="G144" s="356"/>
    </row>
    <row r="145" spans="3:7" ht="12" customHeight="1">
      <c r="C145" s="50"/>
      <c r="D145" s="21" t="s">
        <v>201</v>
      </c>
      <c r="E145" s="16"/>
      <c r="F145" s="15" t="s">
        <v>111</v>
      </c>
      <c r="G145" s="356"/>
    </row>
    <row r="146" spans="3:7" ht="24.9" customHeight="1">
      <c r="C146" s="50"/>
      <c r="D146" s="21" t="s">
        <v>424</v>
      </c>
      <c r="E146" s="16"/>
      <c r="F146" s="15" t="s">
        <v>111</v>
      </c>
      <c r="G146" s="356"/>
    </row>
    <row r="147" spans="3:7" ht="12" customHeight="1">
      <c r="C147" s="50"/>
      <c r="D147" s="21" t="s">
        <v>202</v>
      </c>
      <c r="E147" s="16"/>
      <c r="F147" s="15" t="s">
        <v>111</v>
      </c>
      <c r="G147" s="356"/>
    </row>
    <row r="148" spans="3:7" ht="12" customHeight="1">
      <c r="C148" s="50"/>
      <c r="D148" s="21" t="s">
        <v>203</v>
      </c>
      <c r="E148" s="16"/>
      <c r="F148" s="15" t="s">
        <v>111</v>
      </c>
      <c r="G148" s="356"/>
    </row>
    <row r="149" spans="3:7" ht="12" customHeight="1">
      <c r="C149" s="50"/>
      <c r="D149" s="21" t="s">
        <v>204</v>
      </c>
      <c r="E149" s="16"/>
      <c r="F149" s="15" t="s">
        <v>111</v>
      </c>
      <c r="G149" s="356"/>
    </row>
    <row r="150" spans="3:7" ht="12" customHeight="1">
      <c r="C150" s="50"/>
      <c r="D150" s="21" t="s">
        <v>516</v>
      </c>
      <c r="E150" s="15" t="s">
        <v>111</v>
      </c>
      <c r="F150" s="15" t="s">
        <v>111</v>
      </c>
      <c r="G150" s="356"/>
    </row>
    <row r="151" spans="3:7" ht="12" customHeight="1">
      <c r="C151" s="50"/>
      <c r="D151" s="21" t="s">
        <v>205</v>
      </c>
      <c r="E151" s="15" t="s">
        <v>111</v>
      </c>
      <c r="F151" s="15" t="s">
        <v>111</v>
      </c>
      <c r="G151" s="356"/>
    </row>
    <row r="152" spans="3:7" ht="12" customHeight="1">
      <c r="C152" s="50"/>
      <c r="D152" s="21" t="s">
        <v>206</v>
      </c>
      <c r="E152" s="15" t="s">
        <v>111</v>
      </c>
      <c r="F152" s="15" t="s">
        <v>111</v>
      </c>
      <c r="G152" s="356"/>
    </row>
    <row r="153" spans="3:7" ht="12" customHeight="1">
      <c r="C153" s="50"/>
      <c r="D153" s="21" t="s">
        <v>265</v>
      </c>
      <c r="E153" s="16"/>
      <c r="F153" s="15" t="s">
        <v>111</v>
      </c>
      <c r="G153" s="356"/>
    </row>
    <row r="154" spans="3:7" ht="12" customHeight="1">
      <c r="C154" s="92" t="s">
        <v>10</v>
      </c>
      <c r="D154" s="66" t="s">
        <v>266</v>
      </c>
      <c r="E154" s="15" t="s">
        <v>111</v>
      </c>
      <c r="F154" s="15" t="s">
        <v>111</v>
      </c>
      <c r="G154" s="356"/>
    </row>
    <row r="155" spans="3:7" ht="12" customHeight="1">
      <c r="C155" s="50"/>
      <c r="D155" s="66" t="s">
        <v>425</v>
      </c>
      <c r="E155" s="15" t="s">
        <v>111</v>
      </c>
      <c r="F155" s="15" t="s">
        <v>111</v>
      </c>
      <c r="G155" s="356"/>
    </row>
    <row r="156" spans="3:7" ht="12" customHeight="1">
      <c r="C156" s="50"/>
      <c r="D156" s="66" t="s">
        <v>267</v>
      </c>
      <c r="E156" s="16"/>
      <c r="F156" s="15" t="s">
        <v>111</v>
      </c>
      <c r="G156" s="356"/>
    </row>
    <row r="157" spans="3:7" ht="12" customHeight="1">
      <c r="C157" s="50"/>
      <c r="D157" s="21" t="s">
        <v>207</v>
      </c>
      <c r="E157" s="16"/>
      <c r="F157" s="15" t="s">
        <v>111</v>
      </c>
      <c r="G157" s="356"/>
    </row>
    <row r="158" spans="3:7" ht="12" customHeight="1">
      <c r="C158" s="93" t="s">
        <v>84</v>
      </c>
      <c r="D158" s="21" t="s">
        <v>517</v>
      </c>
      <c r="E158" s="16"/>
      <c r="F158" s="15" t="s">
        <v>111</v>
      </c>
      <c r="G158" s="356"/>
    </row>
    <row r="159" spans="3:7" ht="12" customHeight="1">
      <c r="C159" s="93" t="s">
        <v>85</v>
      </c>
      <c r="D159" s="21" t="s">
        <v>518</v>
      </c>
      <c r="E159" s="16"/>
      <c r="F159" s="15" t="s">
        <v>111</v>
      </c>
      <c r="G159" s="356"/>
    </row>
    <row r="160" spans="3:7" ht="12" customHeight="1">
      <c r="C160" s="54" t="s">
        <v>42</v>
      </c>
      <c r="D160" s="21" t="s">
        <v>208</v>
      </c>
      <c r="E160" s="16"/>
      <c r="F160" s="15" t="s">
        <v>111</v>
      </c>
      <c r="G160" s="356"/>
    </row>
    <row r="161" spans="3:7" ht="12" customHeight="1">
      <c r="C161" s="50" t="s">
        <v>11</v>
      </c>
      <c r="D161" s="21" t="s">
        <v>209</v>
      </c>
      <c r="E161" s="16"/>
      <c r="F161" s="15" t="s">
        <v>111</v>
      </c>
      <c r="G161" s="356"/>
    </row>
    <row r="162" spans="3:7" ht="12" customHeight="1">
      <c r="C162" s="50"/>
      <c r="D162" s="21" t="s">
        <v>210</v>
      </c>
      <c r="E162" s="16"/>
      <c r="F162" s="15" t="s">
        <v>111</v>
      </c>
      <c r="G162" s="356"/>
    </row>
    <row r="163" spans="3:7" ht="24.9" customHeight="1">
      <c r="C163" s="50"/>
      <c r="D163" s="21" t="s">
        <v>519</v>
      </c>
      <c r="E163" s="16"/>
      <c r="F163" s="15" t="s">
        <v>111</v>
      </c>
      <c r="G163" s="356"/>
    </row>
    <row r="164" spans="3:7" ht="12" customHeight="1">
      <c r="C164" s="50"/>
      <c r="D164" s="21" t="s">
        <v>520</v>
      </c>
      <c r="E164" s="15" t="s">
        <v>111</v>
      </c>
      <c r="F164" s="15" t="s">
        <v>111</v>
      </c>
      <c r="G164" s="356"/>
    </row>
    <row r="165" spans="3:7" ht="12" customHeight="1">
      <c r="C165" s="50"/>
      <c r="D165" s="21" t="s">
        <v>268</v>
      </c>
      <c r="E165" s="16"/>
      <c r="F165" s="15" t="s">
        <v>111</v>
      </c>
      <c r="G165" s="356"/>
    </row>
    <row r="166" spans="3:7" ht="12" customHeight="1">
      <c r="C166" s="92" t="s">
        <v>122</v>
      </c>
      <c r="D166" s="21" t="s">
        <v>211</v>
      </c>
      <c r="E166" s="15" t="s">
        <v>111</v>
      </c>
      <c r="F166" s="15" t="s">
        <v>111</v>
      </c>
      <c r="G166" s="356"/>
    </row>
    <row r="167" spans="3:7" ht="12" customHeight="1">
      <c r="C167" s="50"/>
      <c r="D167" s="21" t="s">
        <v>268</v>
      </c>
      <c r="E167" s="16"/>
      <c r="F167" s="15" t="s">
        <v>111</v>
      </c>
      <c r="G167" s="356"/>
    </row>
    <row r="168" spans="3:7" ht="12" customHeight="1">
      <c r="C168" s="54" t="s">
        <v>12</v>
      </c>
      <c r="D168" s="21" t="s">
        <v>212</v>
      </c>
      <c r="E168" s="16"/>
      <c r="F168" s="15" t="s">
        <v>111</v>
      </c>
      <c r="G168" s="363"/>
    </row>
    <row r="169" spans="3:7" ht="12" customHeight="1">
      <c r="C169" s="54"/>
      <c r="D169" s="21"/>
      <c r="E169" s="16"/>
      <c r="F169" s="16"/>
      <c r="G169" s="67"/>
    </row>
    <row r="170" spans="3:7" ht="12" customHeight="1">
      <c r="C170" s="54" t="s">
        <v>13</v>
      </c>
      <c r="D170" s="21"/>
      <c r="E170" s="16"/>
      <c r="F170" s="16"/>
      <c r="G170" s="355" t="s">
        <v>111</v>
      </c>
    </row>
    <row r="171" spans="3:7" ht="12" customHeight="1">
      <c r="C171" s="54" t="s">
        <v>139</v>
      </c>
      <c r="D171" s="21" t="s">
        <v>521</v>
      </c>
      <c r="E171" s="15" t="s">
        <v>111</v>
      </c>
      <c r="F171" s="15" t="s">
        <v>111</v>
      </c>
      <c r="G171" s="356"/>
    </row>
    <row r="172" spans="3:7" ht="12" customHeight="1">
      <c r="C172" s="50" t="s">
        <v>14</v>
      </c>
      <c r="D172" s="21" t="s">
        <v>522</v>
      </c>
      <c r="E172" s="16"/>
      <c r="F172" s="15" t="s">
        <v>111</v>
      </c>
      <c r="G172" s="356"/>
    </row>
    <row r="173" spans="3:7" ht="12" customHeight="1">
      <c r="C173" s="50"/>
      <c r="D173" s="21" t="s">
        <v>523</v>
      </c>
      <c r="E173" s="16"/>
      <c r="F173" s="15" t="s">
        <v>111</v>
      </c>
      <c r="G173" s="356"/>
    </row>
    <row r="174" spans="3:7" ht="12" customHeight="1">
      <c r="C174" s="92" t="s">
        <v>86</v>
      </c>
      <c r="D174" s="21" t="s">
        <v>524</v>
      </c>
      <c r="E174" s="15" t="s">
        <v>111</v>
      </c>
      <c r="F174" s="15" t="s">
        <v>111</v>
      </c>
      <c r="G174" s="356"/>
    </row>
    <row r="175" spans="3:7" ht="12" customHeight="1">
      <c r="C175" s="50"/>
      <c r="D175" s="66" t="s">
        <v>525</v>
      </c>
      <c r="E175" s="15" t="s">
        <v>111</v>
      </c>
      <c r="F175" s="15" t="s">
        <v>111</v>
      </c>
      <c r="G175" s="356"/>
    </row>
    <row r="176" spans="3:7" ht="12" customHeight="1">
      <c r="C176" s="50"/>
      <c r="D176" s="66" t="s">
        <v>526</v>
      </c>
      <c r="E176" s="15" t="s">
        <v>111</v>
      </c>
      <c r="F176" s="15" t="s">
        <v>111</v>
      </c>
      <c r="G176" s="356"/>
    </row>
    <row r="177" spans="3:7" ht="24.9" customHeight="1">
      <c r="C177" s="94" t="s">
        <v>475</v>
      </c>
      <c r="D177" s="95" t="s">
        <v>426</v>
      </c>
      <c r="E177" s="15" t="s">
        <v>111</v>
      </c>
      <c r="F177" s="15" t="s">
        <v>111</v>
      </c>
      <c r="G177" s="356"/>
    </row>
    <row r="178" spans="3:7" ht="24.9" customHeight="1">
      <c r="C178" s="93" t="s">
        <v>109</v>
      </c>
      <c r="D178" s="21" t="s">
        <v>527</v>
      </c>
      <c r="E178" s="15" t="s">
        <v>111</v>
      </c>
      <c r="F178" s="15" t="s">
        <v>111</v>
      </c>
      <c r="G178" s="356"/>
    </row>
    <row r="179" spans="3:7" ht="24.9" customHeight="1">
      <c r="C179" s="50" t="s">
        <v>29</v>
      </c>
      <c r="D179" s="80" t="s">
        <v>528</v>
      </c>
      <c r="E179" s="52"/>
      <c r="F179" s="15" t="s">
        <v>111</v>
      </c>
      <c r="G179" s="357"/>
    </row>
    <row r="180" spans="3:7" ht="12" customHeight="1">
      <c r="C180" s="54"/>
      <c r="D180" s="21"/>
      <c r="E180" s="16"/>
      <c r="F180" s="16"/>
      <c r="G180" s="86"/>
    </row>
    <row r="181" spans="3:7" ht="12" customHeight="1">
      <c r="C181" s="96" t="s">
        <v>21</v>
      </c>
      <c r="D181" s="21"/>
      <c r="E181" s="16"/>
      <c r="F181" s="16"/>
      <c r="G181" s="358" t="s">
        <v>111</v>
      </c>
    </row>
    <row r="182" spans="3:7" ht="12" customHeight="1">
      <c r="C182" s="50" t="s">
        <v>15</v>
      </c>
      <c r="D182" s="21" t="s">
        <v>529</v>
      </c>
      <c r="E182" s="16"/>
      <c r="F182" s="15" t="s">
        <v>111</v>
      </c>
      <c r="G182" s="354"/>
    </row>
    <row r="183" spans="3:7" ht="12" customHeight="1">
      <c r="C183" s="50"/>
      <c r="D183" s="21" t="s">
        <v>213</v>
      </c>
      <c r="E183" s="15" t="s">
        <v>111</v>
      </c>
      <c r="F183" s="15" t="s">
        <v>111</v>
      </c>
      <c r="G183" s="354"/>
    </row>
    <row r="184" spans="3:7" ht="12" customHeight="1">
      <c r="C184" s="54" t="s">
        <v>16</v>
      </c>
      <c r="D184" s="21" t="s">
        <v>530</v>
      </c>
      <c r="E184" s="16"/>
      <c r="F184" s="15" t="s">
        <v>111</v>
      </c>
      <c r="G184" s="359"/>
    </row>
    <row r="185" spans="3:7" ht="12" customHeight="1" thickBot="1">
      <c r="C185" s="73"/>
      <c r="D185" s="114"/>
      <c r="E185" s="58"/>
      <c r="F185" s="58"/>
      <c r="G185" s="74"/>
    </row>
    <row r="187" spans="3:7" ht="12.6" thickBot="1">
      <c r="C187" s="36" t="s">
        <v>137</v>
      </c>
    </row>
    <row r="188" spans="3:7">
      <c r="C188" s="368" t="s">
        <v>23</v>
      </c>
      <c r="D188" s="370" t="s">
        <v>24</v>
      </c>
      <c r="E188" s="372" t="s">
        <v>25</v>
      </c>
      <c r="F188" s="373"/>
      <c r="G188" s="361" t="s">
        <v>81</v>
      </c>
    </row>
    <row r="189" spans="3:7">
      <c r="C189" s="369"/>
      <c r="D189" s="371"/>
      <c r="E189" s="23" t="s">
        <v>26</v>
      </c>
      <c r="F189" s="23" t="s">
        <v>27</v>
      </c>
      <c r="G189" s="362"/>
    </row>
    <row r="190" spans="3:7" ht="24.9" customHeight="1">
      <c r="C190" s="97" t="s">
        <v>394</v>
      </c>
      <c r="D190" s="21" t="s">
        <v>198</v>
      </c>
      <c r="E190" s="16"/>
      <c r="F190" s="15" t="s">
        <v>111</v>
      </c>
      <c r="G190" s="354"/>
    </row>
    <row r="191" spans="3:7" ht="12" customHeight="1">
      <c r="C191" s="50"/>
      <c r="D191" s="21" t="s">
        <v>214</v>
      </c>
      <c r="E191" s="16"/>
      <c r="F191" s="15" t="s">
        <v>111</v>
      </c>
      <c r="G191" s="354"/>
    </row>
    <row r="192" spans="3:7" ht="12" customHeight="1">
      <c r="C192" s="50"/>
      <c r="D192" s="21" t="s">
        <v>215</v>
      </c>
      <c r="E192" s="16"/>
      <c r="F192" s="15" t="s">
        <v>111</v>
      </c>
      <c r="G192" s="354"/>
    </row>
    <row r="193" spans="3:7" ht="12" customHeight="1">
      <c r="C193" s="50"/>
      <c r="D193" s="21" t="s">
        <v>216</v>
      </c>
      <c r="E193" s="16"/>
      <c r="F193" s="15" t="s">
        <v>111</v>
      </c>
      <c r="G193" s="354"/>
    </row>
    <row r="194" spans="3:7" ht="12" customHeight="1">
      <c r="C194" s="50"/>
      <c r="D194" s="21" t="s">
        <v>269</v>
      </c>
      <c r="E194" s="16"/>
      <c r="F194" s="15" t="s">
        <v>111</v>
      </c>
      <c r="G194" s="354"/>
    </row>
    <row r="195" spans="3:7" ht="24.9" customHeight="1">
      <c r="C195" s="50"/>
      <c r="D195" s="21" t="s">
        <v>427</v>
      </c>
      <c r="E195" s="16"/>
      <c r="F195" s="15" t="s">
        <v>111</v>
      </c>
      <c r="G195" s="354"/>
    </row>
    <row r="196" spans="3:7" ht="12" customHeight="1">
      <c r="C196" s="50"/>
      <c r="D196" s="21" t="s">
        <v>270</v>
      </c>
      <c r="E196" s="16"/>
      <c r="F196" s="15" t="s">
        <v>111</v>
      </c>
      <c r="G196" s="354"/>
    </row>
    <row r="197" spans="3:7" ht="12" customHeight="1">
      <c r="C197" s="40"/>
      <c r="D197" s="21" t="s">
        <v>531</v>
      </c>
      <c r="E197" s="16"/>
      <c r="F197" s="15" t="s">
        <v>111</v>
      </c>
      <c r="G197" s="354"/>
    </row>
    <row r="198" spans="3:7" ht="12" customHeight="1">
      <c r="C198" s="54"/>
      <c r="D198" s="21"/>
      <c r="E198" s="16"/>
      <c r="F198" s="16"/>
      <c r="G198" s="67"/>
    </row>
    <row r="199" spans="3:7" ht="12" customHeight="1">
      <c r="C199" s="97" t="s">
        <v>393</v>
      </c>
      <c r="D199" s="21" t="s">
        <v>428</v>
      </c>
      <c r="E199" s="16"/>
      <c r="F199" s="16"/>
      <c r="G199" s="391"/>
    </row>
    <row r="200" spans="3:7" ht="12" customHeight="1">
      <c r="C200" s="98"/>
      <c r="D200" s="88" t="s">
        <v>466</v>
      </c>
      <c r="E200" s="15" t="s">
        <v>111</v>
      </c>
      <c r="F200" s="16"/>
      <c r="G200" s="392"/>
    </row>
    <row r="201" spans="3:7" ht="12" customHeight="1">
      <c r="C201" s="98"/>
      <c r="D201" s="21" t="s">
        <v>476</v>
      </c>
      <c r="E201" s="15" t="s">
        <v>111</v>
      </c>
      <c r="F201" s="16"/>
      <c r="G201" s="392"/>
    </row>
    <row r="202" spans="3:7" ht="12" customHeight="1">
      <c r="C202" s="98"/>
      <c r="D202" s="21" t="s">
        <v>429</v>
      </c>
      <c r="E202" s="16"/>
      <c r="F202" s="16"/>
      <c r="G202" s="392"/>
    </row>
    <row r="203" spans="3:7" ht="12" customHeight="1">
      <c r="C203" s="98"/>
      <c r="D203" s="21" t="s">
        <v>532</v>
      </c>
      <c r="E203" s="16"/>
      <c r="F203" s="15" t="s">
        <v>111</v>
      </c>
      <c r="G203" s="392"/>
    </row>
    <row r="204" spans="3:7" ht="12" customHeight="1">
      <c r="C204" s="50"/>
      <c r="D204" s="21" t="s">
        <v>369</v>
      </c>
      <c r="E204" s="16"/>
      <c r="F204" s="15" t="s">
        <v>111</v>
      </c>
      <c r="G204" s="392"/>
    </row>
    <row r="205" spans="3:7" ht="12" customHeight="1">
      <c r="C205" s="40"/>
      <c r="D205" s="21" t="s">
        <v>533</v>
      </c>
      <c r="E205" s="16"/>
      <c r="F205" s="15" t="s">
        <v>111</v>
      </c>
      <c r="G205" s="393"/>
    </row>
    <row r="206" spans="3:7" ht="12" customHeight="1" thickBot="1">
      <c r="C206" s="42"/>
      <c r="D206" s="24"/>
      <c r="E206" s="44"/>
      <c r="F206" s="44"/>
      <c r="G206" s="45"/>
    </row>
    <row r="208" spans="3:7" ht="12.6" thickBot="1">
      <c r="C208" s="36" t="s">
        <v>140</v>
      </c>
    </row>
    <row r="209" spans="3:7">
      <c r="C209" s="368" t="s">
        <v>23</v>
      </c>
      <c r="D209" s="370" t="s">
        <v>24</v>
      </c>
      <c r="E209" s="372" t="s">
        <v>25</v>
      </c>
      <c r="F209" s="373"/>
      <c r="G209" s="361" t="s">
        <v>81</v>
      </c>
    </row>
    <row r="210" spans="3:7">
      <c r="C210" s="369"/>
      <c r="D210" s="371"/>
      <c r="E210" s="23" t="s">
        <v>26</v>
      </c>
      <c r="F210" s="23" t="s">
        <v>27</v>
      </c>
      <c r="G210" s="362"/>
    </row>
    <row r="211" spans="3:7" ht="12" customHeight="1">
      <c r="C211" s="50" t="s">
        <v>17</v>
      </c>
      <c r="D211" s="31" t="s">
        <v>454</v>
      </c>
      <c r="E211" s="10"/>
      <c r="F211" s="11" t="s">
        <v>111</v>
      </c>
      <c r="G211" s="356" t="s">
        <v>111</v>
      </c>
    </row>
    <row r="212" spans="3:7" ht="24.9" customHeight="1">
      <c r="C212" s="50"/>
      <c r="D212" s="21" t="s">
        <v>455</v>
      </c>
      <c r="E212" s="16"/>
      <c r="F212" s="15" t="s">
        <v>111</v>
      </c>
      <c r="G212" s="356"/>
    </row>
    <row r="213" spans="3:7" ht="12" customHeight="1">
      <c r="C213" s="50"/>
      <c r="D213" s="21" t="s">
        <v>217</v>
      </c>
      <c r="E213" s="16"/>
      <c r="F213" s="15" t="s">
        <v>111</v>
      </c>
      <c r="G213" s="356"/>
    </row>
    <row r="214" spans="3:7" ht="12" customHeight="1">
      <c r="C214" s="50"/>
      <c r="D214" s="21" t="s">
        <v>218</v>
      </c>
      <c r="E214" s="16"/>
      <c r="F214" s="15" t="s">
        <v>111</v>
      </c>
      <c r="G214" s="356"/>
    </row>
    <row r="215" spans="3:7" ht="24.9" customHeight="1">
      <c r="C215" s="50"/>
      <c r="D215" s="21" t="s">
        <v>219</v>
      </c>
      <c r="E215" s="16"/>
      <c r="F215" s="15" t="s">
        <v>111</v>
      </c>
      <c r="G215" s="356"/>
    </row>
    <row r="216" spans="3:7" ht="12" customHeight="1">
      <c r="C216" s="50"/>
      <c r="D216" s="21" t="s">
        <v>220</v>
      </c>
      <c r="E216" s="16"/>
      <c r="F216" s="15" t="s">
        <v>111</v>
      </c>
      <c r="G216" s="356"/>
    </row>
    <row r="217" spans="3:7" ht="12" customHeight="1">
      <c r="C217" s="50"/>
      <c r="D217" s="21" t="s">
        <v>221</v>
      </c>
      <c r="E217" s="16"/>
      <c r="F217" s="15" t="s">
        <v>111</v>
      </c>
      <c r="G217" s="356"/>
    </row>
    <row r="218" spans="3:7" ht="12" customHeight="1">
      <c r="C218" s="50"/>
      <c r="D218" s="21" t="s">
        <v>884</v>
      </c>
      <c r="E218" s="16"/>
      <c r="F218" s="15" t="s">
        <v>111</v>
      </c>
      <c r="G218" s="356"/>
    </row>
    <row r="219" spans="3:7" ht="12" customHeight="1">
      <c r="C219" s="50"/>
      <c r="D219" s="21" t="s">
        <v>222</v>
      </c>
      <c r="E219" s="16"/>
      <c r="F219" s="16"/>
      <c r="G219" s="356"/>
    </row>
    <row r="220" spans="3:7" ht="12" customHeight="1">
      <c r="C220" s="50"/>
      <c r="D220" s="21" t="s">
        <v>271</v>
      </c>
      <c r="E220" s="15" t="s">
        <v>111</v>
      </c>
      <c r="F220" s="16"/>
      <c r="G220" s="356"/>
    </row>
    <row r="221" spans="3:7" ht="12" customHeight="1">
      <c r="C221" s="50"/>
      <c r="D221" s="21" t="s">
        <v>272</v>
      </c>
      <c r="E221" s="15" t="s">
        <v>111</v>
      </c>
      <c r="F221" s="16"/>
      <c r="G221" s="356"/>
    </row>
    <row r="222" spans="3:7" ht="12" customHeight="1" outlineLevel="1">
      <c r="C222" s="50"/>
      <c r="D222" s="21" t="s">
        <v>223</v>
      </c>
      <c r="E222" s="15" t="s">
        <v>111</v>
      </c>
      <c r="F222" s="16"/>
      <c r="G222" s="356"/>
    </row>
    <row r="223" spans="3:7" ht="12" customHeight="1">
      <c r="C223" s="50"/>
      <c r="D223" s="82" t="s">
        <v>224</v>
      </c>
      <c r="E223" s="26"/>
      <c r="F223" s="15" t="s">
        <v>111</v>
      </c>
      <c r="G223" s="363"/>
    </row>
    <row r="224" spans="3:7" ht="12" customHeight="1">
      <c r="C224" s="54"/>
      <c r="D224" s="21"/>
      <c r="E224" s="16"/>
      <c r="F224" s="16"/>
      <c r="G224" s="67"/>
    </row>
    <row r="225" spans="3:7" ht="12" customHeight="1">
      <c r="C225" s="54" t="s">
        <v>19</v>
      </c>
      <c r="D225" s="21"/>
      <c r="E225" s="16"/>
      <c r="F225" s="16"/>
      <c r="G225" s="355" t="s">
        <v>111</v>
      </c>
    </row>
    <row r="226" spans="3:7" ht="12" customHeight="1">
      <c r="C226" s="50" t="s">
        <v>141</v>
      </c>
      <c r="D226" s="99" t="s">
        <v>534</v>
      </c>
      <c r="E226" s="15" t="s">
        <v>111</v>
      </c>
      <c r="F226" s="15" t="s">
        <v>111</v>
      </c>
      <c r="G226" s="356"/>
    </row>
    <row r="227" spans="3:7" ht="12" customHeight="1">
      <c r="C227" s="50"/>
      <c r="D227" s="66" t="s">
        <v>535</v>
      </c>
      <c r="E227" s="15" t="s">
        <v>111</v>
      </c>
      <c r="F227" s="15" t="s">
        <v>111</v>
      </c>
      <c r="G227" s="356"/>
    </row>
    <row r="228" spans="3:7" ht="12" customHeight="1">
      <c r="C228" s="50"/>
      <c r="D228" s="21" t="s">
        <v>536</v>
      </c>
      <c r="E228" s="16"/>
      <c r="F228" s="15" t="s">
        <v>111</v>
      </c>
      <c r="G228" s="366"/>
    </row>
    <row r="229" spans="3:7" ht="12" customHeight="1">
      <c r="C229" s="54" t="s">
        <v>142</v>
      </c>
      <c r="D229" s="21" t="s">
        <v>536</v>
      </c>
      <c r="E229" s="16"/>
      <c r="F229" s="15" t="s">
        <v>111</v>
      </c>
      <c r="G229" s="366"/>
    </row>
    <row r="230" spans="3:7" ht="12" customHeight="1">
      <c r="C230" s="50" t="s">
        <v>123</v>
      </c>
      <c r="D230" s="21" t="s">
        <v>536</v>
      </c>
      <c r="E230" s="16"/>
      <c r="F230" s="15" t="s">
        <v>111</v>
      </c>
      <c r="G230" s="366"/>
    </row>
    <row r="231" spans="3:7" ht="12" customHeight="1">
      <c r="C231" s="12"/>
      <c r="D231" s="21" t="s">
        <v>456</v>
      </c>
      <c r="E231" s="16"/>
      <c r="F231" s="15" t="s">
        <v>111</v>
      </c>
      <c r="G231" s="366"/>
    </row>
    <row r="232" spans="3:7" ht="12" customHeight="1">
      <c r="C232" s="50"/>
      <c r="D232" s="21" t="s">
        <v>273</v>
      </c>
      <c r="E232" s="16"/>
      <c r="F232" s="15" t="s">
        <v>111</v>
      </c>
      <c r="G232" s="366"/>
    </row>
    <row r="233" spans="3:7" ht="12" customHeight="1">
      <c r="C233" s="92" t="s">
        <v>143</v>
      </c>
      <c r="D233" s="21" t="s">
        <v>536</v>
      </c>
      <c r="E233" s="16"/>
      <c r="F233" s="15" t="s">
        <v>111</v>
      </c>
      <c r="G233" s="366"/>
    </row>
    <row r="234" spans="3:7" ht="12" customHeight="1">
      <c r="C234" s="50"/>
      <c r="D234" s="21" t="s">
        <v>225</v>
      </c>
      <c r="E234" s="15" t="s">
        <v>111</v>
      </c>
      <c r="F234" s="15" t="s">
        <v>111</v>
      </c>
      <c r="G234" s="366"/>
    </row>
    <row r="235" spans="3:7" ht="12" customHeight="1">
      <c r="C235" s="40"/>
      <c r="D235" s="21" t="s">
        <v>226</v>
      </c>
      <c r="E235" s="15" t="s">
        <v>111</v>
      </c>
      <c r="F235" s="15" t="s">
        <v>111</v>
      </c>
      <c r="G235" s="366"/>
    </row>
    <row r="236" spans="3:7" ht="12" customHeight="1">
      <c r="C236" s="50" t="s">
        <v>20</v>
      </c>
      <c r="D236" s="21" t="s">
        <v>537</v>
      </c>
      <c r="E236" s="16"/>
      <c r="F236" s="15" t="s">
        <v>111</v>
      </c>
      <c r="G236" s="366"/>
    </row>
    <row r="237" spans="3:7" ht="12" customHeight="1">
      <c r="C237" s="50"/>
      <c r="D237" s="21" t="s">
        <v>227</v>
      </c>
      <c r="E237" s="16"/>
      <c r="F237" s="15" t="s">
        <v>111</v>
      </c>
      <c r="G237" s="366"/>
    </row>
    <row r="238" spans="3:7" ht="12" customHeight="1">
      <c r="C238" s="50"/>
      <c r="D238" s="21" t="s">
        <v>228</v>
      </c>
      <c r="E238" s="16"/>
      <c r="F238" s="15" t="s">
        <v>111</v>
      </c>
      <c r="G238" s="366"/>
    </row>
    <row r="239" spans="3:7" ht="12" customHeight="1">
      <c r="C239" s="50"/>
      <c r="D239" s="21" t="s">
        <v>538</v>
      </c>
      <c r="E239" s="16"/>
      <c r="F239" s="15" t="s">
        <v>111</v>
      </c>
      <c r="G239" s="366"/>
    </row>
    <row r="240" spans="3:7" ht="12" customHeight="1">
      <c r="C240" s="50"/>
      <c r="D240" s="21" t="s">
        <v>229</v>
      </c>
      <c r="E240" s="16"/>
      <c r="F240" s="15" t="s">
        <v>111</v>
      </c>
      <c r="G240" s="366"/>
    </row>
    <row r="241" spans="3:7" ht="24.9" customHeight="1">
      <c r="C241" s="54" t="s">
        <v>29</v>
      </c>
      <c r="D241" s="21" t="s">
        <v>539</v>
      </c>
      <c r="E241" s="16"/>
      <c r="F241" s="15" t="s">
        <v>111</v>
      </c>
      <c r="G241" s="367"/>
    </row>
    <row r="242" spans="3:7" ht="12" customHeight="1">
      <c r="C242" s="54"/>
      <c r="D242" s="21"/>
      <c r="E242" s="16"/>
      <c r="F242" s="16"/>
      <c r="G242" s="86"/>
    </row>
    <row r="243" spans="3:7" ht="12" customHeight="1">
      <c r="C243" s="54" t="s">
        <v>21</v>
      </c>
      <c r="D243" s="21"/>
      <c r="E243" s="16"/>
      <c r="F243" s="16"/>
      <c r="G243" s="355" t="s">
        <v>111</v>
      </c>
    </row>
    <row r="244" spans="3:7" ht="12" customHeight="1">
      <c r="C244" s="54" t="s">
        <v>2</v>
      </c>
      <c r="D244" s="21" t="s">
        <v>230</v>
      </c>
      <c r="E244" s="16"/>
      <c r="F244" s="15" t="s">
        <v>111</v>
      </c>
      <c r="G244" s="356"/>
    </row>
    <row r="245" spans="3:7" ht="12" customHeight="1">
      <c r="C245" s="54" t="s">
        <v>48</v>
      </c>
      <c r="D245" s="21" t="s">
        <v>540</v>
      </c>
      <c r="E245" s="16"/>
      <c r="F245" s="15" t="s">
        <v>111</v>
      </c>
      <c r="G245" s="356"/>
    </row>
    <row r="246" spans="3:7" ht="12" customHeight="1">
      <c r="C246" s="54" t="s">
        <v>16</v>
      </c>
      <c r="D246" s="21" t="s">
        <v>540</v>
      </c>
      <c r="E246" s="16"/>
      <c r="F246" s="15" t="s">
        <v>111</v>
      </c>
      <c r="G246" s="357"/>
    </row>
    <row r="247" spans="3:7" ht="12" customHeight="1">
      <c r="C247" s="54"/>
      <c r="D247" s="21"/>
      <c r="E247" s="16"/>
      <c r="F247" s="16"/>
      <c r="G247" s="86"/>
    </row>
    <row r="248" spans="3:7" ht="24.9" customHeight="1">
      <c r="C248" s="92" t="s">
        <v>394</v>
      </c>
      <c r="D248" s="21" t="s">
        <v>198</v>
      </c>
      <c r="E248" s="16"/>
      <c r="F248" s="15" t="s">
        <v>111</v>
      </c>
      <c r="G248" s="354"/>
    </row>
    <row r="249" spans="3:7" ht="12" customHeight="1">
      <c r="C249" s="50"/>
      <c r="D249" s="21" t="s">
        <v>841</v>
      </c>
      <c r="E249" s="16"/>
      <c r="F249" s="15" t="s">
        <v>111</v>
      </c>
      <c r="G249" s="354"/>
    </row>
    <row r="250" spans="3:7" ht="24.9" customHeight="1">
      <c r="C250" s="50"/>
      <c r="D250" s="21" t="s">
        <v>408</v>
      </c>
      <c r="E250" s="16"/>
      <c r="F250" s="15" t="s">
        <v>111</v>
      </c>
      <c r="G250" s="354"/>
    </row>
    <row r="251" spans="3:7" ht="12" customHeight="1">
      <c r="C251" s="40"/>
      <c r="D251" s="21" t="s">
        <v>231</v>
      </c>
      <c r="E251" s="16"/>
      <c r="F251" s="15" t="s">
        <v>111</v>
      </c>
      <c r="G251" s="354"/>
    </row>
    <row r="252" spans="3:7" ht="12" customHeight="1">
      <c r="C252" s="54"/>
      <c r="D252" s="21"/>
      <c r="E252" s="16"/>
      <c r="F252" s="16"/>
      <c r="G252" s="67"/>
    </row>
    <row r="253" spans="3:7" ht="12" customHeight="1">
      <c r="C253" s="92" t="s">
        <v>393</v>
      </c>
      <c r="D253" s="21" t="s">
        <v>430</v>
      </c>
      <c r="E253" s="16"/>
      <c r="F253" s="16"/>
      <c r="G253" s="358"/>
    </row>
    <row r="254" spans="3:7" ht="12" customHeight="1">
      <c r="C254" s="50"/>
      <c r="D254" s="88" t="s">
        <v>466</v>
      </c>
      <c r="E254" s="15" t="s">
        <v>111</v>
      </c>
      <c r="F254" s="16"/>
      <c r="G254" s="354"/>
    </row>
    <row r="255" spans="3:7" ht="12" customHeight="1">
      <c r="C255" s="50"/>
      <c r="D255" s="88" t="s">
        <v>477</v>
      </c>
      <c r="E255" s="15" t="s">
        <v>111</v>
      </c>
      <c r="F255" s="16"/>
      <c r="G255" s="354"/>
    </row>
    <row r="256" spans="3:7" ht="12" customHeight="1">
      <c r="C256" s="50"/>
      <c r="D256" s="21" t="s">
        <v>431</v>
      </c>
      <c r="E256" s="16"/>
      <c r="F256" s="16"/>
      <c r="G256" s="354"/>
    </row>
    <row r="257" spans="1:7" ht="12" customHeight="1">
      <c r="C257" s="50"/>
      <c r="D257" s="21" t="s">
        <v>541</v>
      </c>
      <c r="E257" s="16"/>
      <c r="F257" s="15" t="s">
        <v>111</v>
      </c>
      <c r="G257" s="354"/>
    </row>
    <row r="258" spans="1:7" ht="12" customHeight="1">
      <c r="C258" s="40"/>
      <c r="D258" s="21" t="s">
        <v>542</v>
      </c>
      <c r="E258" s="16"/>
      <c r="F258" s="15" t="s">
        <v>111</v>
      </c>
      <c r="G258" s="360"/>
    </row>
    <row r="259" spans="1:7" ht="12" customHeight="1" thickBot="1">
      <c r="C259" s="42"/>
      <c r="D259" s="24"/>
      <c r="E259" s="44"/>
      <c r="F259" s="44"/>
      <c r="G259" s="45"/>
    </row>
    <row r="260" spans="1:7" ht="13.5" customHeight="1">
      <c r="A260" s="100"/>
      <c r="B260" s="100"/>
      <c r="C260" s="59"/>
      <c r="D260" s="101"/>
      <c r="E260" s="61"/>
      <c r="F260" s="61"/>
      <c r="G260" s="61"/>
    </row>
    <row r="261" spans="1:7" ht="12.6" thickBot="1">
      <c r="C261" s="36" t="s">
        <v>140</v>
      </c>
    </row>
    <row r="262" spans="1:7">
      <c r="C262" s="368" t="s">
        <v>23</v>
      </c>
      <c r="D262" s="370" t="s">
        <v>24</v>
      </c>
      <c r="E262" s="372" t="s">
        <v>25</v>
      </c>
      <c r="F262" s="380"/>
      <c r="G262" s="361" t="s">
        <v>81</v>
      </c>
    </row>
    <row r="263" spans="1:7">
      <c r="C263" s="369"/>
      <c r="D263" s="371"/>
      <c r="E263" s="23" t="s">
        <v>26</v>
      </c>
      <c r="F263" s="23" t="s">
        <v>27</v>
      </c>
      <c r="G263" s="362"/>
    </row>
    <row r="264" spans="1:7" ht="12" customHeight="1">
      <c r="C264" s="102" t="s">
        <v>395</v>
      </c>
      <c r="D264" s="103" t="s">
        <v>274</v>
      </c>
      <c r="E264" s="28"/>
      <c r="F264" s="15" t="s">
        <v>111</v>
      </c>
      <c r="G264" s="363"/>
    </row>
    <row r="265" spans="1:7" ht="12" customHeight="1">
      <c r="C265" s="104"/>
      <c r="D265" s="19" t="s">
        <v>280</v>
      </c>
      <c r="E265" s="16"/>
      <c r="F265" s="15" t="s">
        <v>111</v>
      </c>
      <c r="G265" s="354"/>
    </row>
    <row r="266" spans="1:7" ht="12" customHeight="1">
      <c r="C266" s="105" t="s">
        <v>59</v>
      </c>
      <c r="D266" s="19" t="s">
        <v>281</v>
      </c>
      <c r="E266" s="16"/>
      <c r="F266" s="15" t="s">
        <v>111</v>
      </c>
      <c r="G266" s="354"/>
    </row>
    <row r="267" spans="1:7" ht="12" customHeight="1">
      <c r="C267" s="106"/>
      <c r="D267" s="20" t="s">
        <v>275</v>
      </c>
      <c r="E267" s="15" t="s">
        <v>111</v>
      </c>
      <c r="F267" s="15" t="s">
        <v>111</v>
      </c>
      <c r="G267" s="354"/>
    </row>
    <row r="268" spans="1:7" ht="12" customHeight="1">
      <c r="C268" s="105" t="s">
        <v>478</v>
      </c>
      <c r="D268" s="107" t="s">
        <v>463</v>
      </c>
      <c r="E268" s="16"/>
      <c r="F268" s="16"/>
      <c r="G268" s="354"/>
    </row>
    <row r="269" spans="1:7" ht="12" customHeight="1">
      <c r="C269" s="105"/>
      <c r="D269" s="107" t="s">
        <v>479</v>
      </c>
      <c r="E269" s="15" t="s">
        <v>111</v>
      </c>
      <c r="F269" s="15" t="s">
        <v>111</v>
      </c>
      <c r="G269" s="354"/>
    </row>
    <row r="270" spans="1:7" ht="12" customHeight="1">
      <c r="C270" s="105"/>
      <c r="D270" s="107" t="s">
        <v>480</v>
      </c>
      <c r="E270" s="15" t="s">
        <v>111</v>
      </c>
      <c r="F270" s="15" t="s">
        <v>111</v>
      </c>
      <c r="G270" s="354"/>
    </row>
    <row r="271" spans="1:7" ht="12" customHeight="1">
      <c r="C271" s="105"/>
      <c r="D271" s="107" t="s">
        <v>481</v>
      </c>
      <c r="E271" s="15" t="s">
        <v>111</v>
      </c>
      <c r="F271" s="15" t="s">
        <v>111</v>
      </c>
      <c r="G271" s="354"/>
    </row>
    <row r="272" spans="1:7" ht="12" customHeight="1">
      <c r="C272" s="108" t="s">
        <v>482</v>
      </c>
      <c r="D272" s="19" t="s">
        <v>276</v>
      </c>
      <c r="E272" s="16"/>
      <c r="F272" s="15" t="s">
        <v>111</v>
      </c>
      <c r="G272" s="354"/>
    </row>
    <row r="273" spans="3:7" ht="12" customHeight="1">
      <c r="C273" s="105" t="s">
        <v>483</v>
      </c>
      <c r="D273" s="19" t="s">
        <v>277</v>
      </c>
      <c r="E273" s="16"/>
      <c r="F273" s="16"/>
      <c r="G273" s="354"/>
    </row>
    <row r="274" spans="3:7" ht="12" customHeight="1">
      <c r="C274" s="105"/>
      <c r="D274" s="107" t="s">
        <v>484</v>
      </c>
      <c r="E274" s="15" t="s">
        <v>111</v>
      </c>
      <c r="F274" s="15" t="s">
        <v>111</v>
      </c>
      <c r="G274" s="354"/>
    </row>
    <row r="275" spans="3:7" ht="12" customHeight="1">
      <c r="C275" s="105"/>
      <c r="D275" s="107" t="s">
        <v>485</v>
      </c>
      <c r="E275" s="15" t="s">
        <v>111</v>
      </c>
      <c r="F275" s="15" t="s">
        <v>111</v>
      </c>
      <c r="G275" s="354"/>
    </row>
    <row r="276" spans="3:7" ht="12" customHeight="1">
      <c r="C276" s="105"/>
      <c r="D276" s="107" t="s">
        <v>486</v>
      </c>
      <c r="E276" s="15" t="s">
        <v>111</v>
      </c>
      <c r="F276" s="15" t="s">
        <v>111</v>
      </c>
      <c r="G276" s="354"/>
    </row>
    <row r="277" spans="3:7" ht="12" customHeight="1">
      <c r="C277" s="105"/>
      <c r="D277" s="19" t="s">
        <v>278</v>
      </c>
      <c r="E277" s="16"/>
      <c r="F277" s="15" t="s">
        <v>111</v>
      </c>
      <c r="G277" s="354"/>
    </row>
    <row r="278" spans="3:7" ht="12" customHeight="1">
      <c r="C278" s="108" t="s">
        <v>856</v>
      </c>
      <c r="D278" s="19" t="s">
        <v>885</v>
      </c>
      <c r="E278" s="16"/>
      <c r="F278" s="15" t="s">
        <v>111</v>
      </c>
      <c r="G278" s="354"/>
    </row>
    <row r="279" spans="3:7" ht="12" customHeight="1">
      <c r="C279" s="105" t="s">
        <v>31</v>
      </c>
      <c r="D279" s="19" t="s">
        <v>279</v>
      </c>
      <c r="E279" s="16"/>
      <c r="F279" s="16"/>
      <c r="G279" s="354"/>
    </row>
    <row r="280" spans="3:7" ht="12" customHeight="1">
      <c r="C280" s="109"/>
      <c r="D280" s="19" t="s">
        <v>32</v>
      </c>
      <c r="E280" s="16"/>
      <c r="F280" s="15" t="s">
        <v>111</v>
      </c>
      <c r="G280" s="354"/>
    </row>
    <row r="281" spans="3:7" ht="12" customHeight="1">
      <c r="C281" s="110"/>
      <c r="D281" s="19" t="s">
        <v>33</v>
      </c>
      <c r="E281" s="16"/>
      <c r="F281" s="15" t="s">
        <v>111</v>
      </c>
      <c r="G281" s="360"/>
    </row>
    <row r="282" spans="3:7" ht="12" customHeight="1" thickBot="1">
      <c r="C282" s="111"/>
      <c r="D282" s="24"/>
      <c r="E282" s="44"/>
      <c r="F282" s="44"/>
      <c r="G282" s="45"/>
    </row>
    <row r="284" spans="3:7">
      <c r="C284" s="36" t="s">
        <v>178</v>
      </c>
    </row>
    <row r="285" spans="3:7" ht="12.6" thickBot="1">
      <c r="C285" s="77" t="s">
        <v>179</v>
      </c>
      <c r="D285" s="112"/>
    </row>
    <row r="286" spans="3:7" ht="12" customHeight="1" outlineLevel="1">
      <c r="C286" s="374" t="s">
        <v>23</v>
      </c>
      <c r="D286" s="376" t="s">
        <v>24</v>
      </c>
      <c r="E286" s="372" t="s">
        <v>25</v>
      </c>
      <c r="F286" s="373"/>
      <c r="G286" s="361" t="s">
        <v>81</v>
      </c>
    </row>
    <row r="287" spans="3:7" outlineLevel="1">
      <c r="C287" s="375"/>
      <c r="D287" s="377"/>
      <c r="E287" s="23" t="s">
        <v>26</v>
      </c>
      <c r="F287" s="23" t="s">
        <v>27</v>
      </c>
      <c r="G287" s="362"/>
    </row>
    <row r="288" spans="3:7" ht="12" customHeight="1" outlineLevel="1">
      <c r="C288" s="46" t="s">
        <v>397</v>
      </c>
      <c r="D288" s="31" t="s">
        <v>232</v>
      </c>
      <c r="E288" s="10"/>
      <c r="F288" s="11" t="s">
        <v>111</v>
      </c>
      <c r="G288" s="363" t="s">
        <v>111</v>
      </c>
    </row>
    <row r="289" spans="3:7" ht="13.5" customHeight="1" outlineLevel="1">
      <c r="C289" s="54" t="s">
        <v>487</v>
      </c>
      <c r="D289" s="21" t="s">
        <v>282</v>
      </c>
      <c r="E289" s="16"/>
      <c r="F289" s="15" t="s">
        <v>111</v>
      </c>
      <c r="G289" s="354"/>
    </row>
    <row r="290" spans="3:7" ht="12" customHeight="1" outlineLevel="1">
      <c r="C290" s="54" t="s">
        <v>49</v>
      </c>
      <c r="D290" s="21" t="s">
        <v>283</v>
      </c>
      <c r="E290" s="16"/>
      <c r="F290" s="15" t="s">
        <v>111</v>
      </c>
      <c r="G290" s="354"/>
    </row>
    <row r="291" spans="3:7" ht="12" customHeight="1" outlineLevel="1">
      <c r="C291" s="54" t="s">
        <v>433</v>
      </c>
      <c r="D291" s="21" t="s">
        <v>432</v>
      </c>
      <c r="E291" s="16"/>
      <c r="F291" s="15" t="s">
        <v>111</v>
      </c>
      <c r="G291" s="360"/>
    </row>
    <row r="292" spans="3:7" ht="12" customHeight="1" outlineLevel="1" thickBot="1">
      <c r="C292" s="42"/>
      <c r="D292" s="24"/>
      <c r="E292" s="44"/>
      <c r="F292" s="44"/>
      <c r="G292" s="45"/>
    </row>
    <row r="293" spans="3:7" outlineLevel="1"/>
    <row r="294" spans="3:7" ht="12.6" thickBot="1">
      <c r="C294" s="36" t="s">
        <v>177</v>
      </c>
    </row>
    <row r="295" spans="3:7" ht="12" customHeight="1" outlineLevel="1">
      <c r="C295" s="368" t="s">
        <v>23</v>
      </c>
      <c r="D295" s="370" t="s">
        <v>24</v>
      </c>
      <c r="E295" s="372" t="s">
        <v>25</v>
      </c>
      <c r="F295" s="373"/>
      <c r="G295" s="361" t="s">
        <v>81</v>
      </c>
    </row>
    <row r="296" spans="3:7" outlineLevel="1">
      <c r="C296" s="369"/>
      <c r="D296" s="371"/>
      <c r="E296" s="23" t="s">
        <v>26</v>
      </c>
      <c r="F296" s="23" t="s">
        <v>27</v>
      </c>
      <c r="G296" s="362"/>
    </row>
    <row r="297" spans="3:7" ht="12" customHeight="1" outlineLevel="1">
      <c r="C297" s="46" t="s">
        <v>138</v>
      </c>
      <c r="D297" s="31"/>
      <c r="E297" s="10"/>
      <c r="F297" s="10"/>
      <c r="G297" s="363" t="s">
        <v>111</v>
      </c>
    </row>
    <row r="298" spans="3:7" ht="12" customHeight="1" outlineLevel="1">
      <c r="C298" s="54" t="s">
        <v>122</v>
      </c>
      <c r="D298" s="21" t="s">
        <v>233</v>
      </c>
      <c r="E298" s="16"/>
      <c r="F298" s="15" t="s">
        <v>111</v>
      </c>
      <c r="G298" s="360"/>
    </row>
    <row r="299" spans="3:7" ht="24.9" customHeight="1" outlineLevel="1">
      <c r="C299" s="96" t="s">
        <v>436</v>
      </c>
      <c r="D299" s="80" t="s">
        <v>198</v>
      </c>
      <c r="E299" s="52"/>
      <c r="F299" s="15" t="s">
        <v>111</v>
      </c>
      <c r="G299" s="354"/>
    </row>
    <row r="300" spans="3:7" ht="12" customHeight="1" outlineLevel="1">
      <c r="C300" s="50"/>
      <c r="D300" s="66" t="s">
        <v>434</v>
      </c>
      <c r="E300" s="16"/>
      <c r="F300" s="16"/>
      <c r="G300" s="354"/>
    </row>
    <row r="301" spans="3:7" ht="12" customHeight="1" outlineLevel="1">
      <c r="C301" s="40"/>
      <c r="D301" s="66" t="s">
        <v>543</v>
      </c>
      <c r="E301" s="15" t="s">
        <v>111</v>
      </c>
      <c r="F301" s="15" t="s">
        <v>111</v>
      </c>
      <c r="G301" s="354"/>
    </row>
    <row r="302" spans="3:7" ht="12" customHeight="1" outlineLevel="1">
      <c r="C302" s="40"/>
      <c r="D302" s="66" t="s">
        <v>435</v>
      </c>
      <c r="E302" s="16"/>
      <c r="F302" s="16"/>
      <c r="G302" s="354"/>
    </row>
    <row r="303" spans="3:7" ht="12" customHeight="1" outlineLevel="1">
      <c r="C303" s="40"/>
      <c r="D303" s="66" t="s">
        <v>543</v>
      </c>
      <c r="E303" s="15" t="s">
        <v>111</v>
      </c>
      <c r="F303" s="15" t="s">
        <v>111</v>
      </c>
      <c r="G303" s="360"/>
    </row>
    <row r="304" spans="3:7" ht="12" customHeight="1" outlineLevel="1" thickBot="1">
      <c r="C304" s="42"/>
      <c r="D304" s="113"/>
      <c r="E304" s="44"/>
      <c r="F304" s="44"/>
      <c r="G304" s="45"/>
    </row>
    <row r="305" spans="3:7" outlineLevel="1">
      <c r="C305" s="63"/>
      <c r="D305" s="63"/>
      <c r="E305" s="64"/>
      <c r="F305" s="64"/>
      <c r="G305" s="64"/>
    </row>
    <row r="306" spans="3:7" ht="12.6" thickBot="1">
      <c r="C306" s="36" t="s">
        <v>176</v>
      </c>
    </row>
    <row r="307" spans="3:7" ht="12" customHeight="1" outlineLevel="1">
      <c r="C307" s="368" t="s">
        <v>23</v>
      </c>
      <c r="D307" s="370" t="s">
        <v>24</v>
      </c>
      <c r="E307" s="372" t="s">
        <v>25</v>
      </c>
      <c r="F307" s="373"/>
      <c r="G307" s="361" t="s">
        <v>81</v>
      </c>
    </row>
    <row r="308" spans="3:7" outlineLevel="1">
      <c r="C308" s="369"/>
      <c r="D308" s="371"/>
      <c r="E308" s="23" t="s">
        <v>26</v>
      </c>
      <c r="F308" s="23" t="s">
        <v>27</v>
      </c>
      <c r="G308" s="362"/>
    </row>
    <row r="309" spans="3:7" ht="12" customHeight="1" outlineLevel="1">
      <c r="C309" s="50" t="s">
        <v>17</v>
      </c>
      <c r="D309" s="21" t="s">
        <v>396</v>
      </c>
      <c r="E309" s="81"/>
      <c r="F309" s="81" t="s">
        <v>111</v>
      </c>
      <c r="G309" s="354"/>
    </row>
    <row r="310" spans="3:7" ht="12" customHeight="1" outlineLevel="1">
      <c r="C310" s="50"/>
      <c r="D310" s="21" t="s">
        <v>284</v>
      </c>
      <c r="E310" s="16"/>
      <c r="F310" s="15" t="s">
        <v>111</v>
      </c>
      <c r="G310" s="354"/>
    </row>
    <row r="311" spans="3:7" ht="24.9" customHeight="1" outlineLevel="1">
      <c r="C311" s="50"/>
      <c r="D311" s="21" t="s">
        <v>285</v>
      </c>
      <c r="E311" s="16"/>
      <c r="F311" s="15" t="s">
        <v>111</v>
      </c>
      <c r="G311" s="354"/>
    </row>
    <row r="312" spans="3:7" ht="12" customHeight="1" outlineLevel="1">
      <c r="C312" s="50"/>
      <c r="D312" s="21" t="s">
        <v>846</v>
      </c>
      <c r="E312" s="16"/>
      <c r="F312" s="16" t="s">
        <v>111</v>
      </c>
      <c r="G312" s="354"/>
    </row>
    <row r="313" spans="3:7" ht="12" customHeight="1" outlineLevel="1">
      <c r="C313" s="50"/>
      <c r="D313" s="21" t="s">
        <v>284</v>
      </c>
      <c r="E313" s="16"/>
      <c r="F313" s="15" t="s">
        <v>111</v>
      </c>
      <c r="G313" s="354"/>
    </row>
    <row r="314" spans="3:7" ht="12" customHeight="1" outlineLevel="1">
      <c r="C314" s="50"/>
      <c r="D314" s="21" t="s">
        <v>286</v>
      </c>
      <c r="E314" s="16"/>
      <c r="F314" s="15" t="s">
        <v>111</v>
      </c>
      <c r="G314" s="354"/>
    </row>
    <row r="315" spans="3:7" ht="12" customHeight="1" outlineLevel="1">
      <c r="C315" s="50"/>
      <c r="D315" s="21" t="s">
        <v>234</v>
      </c>
      <c r="E315" s="16"/>
      <c r="F315" s="15" t="s">
        <v>111</v>
      </c>
      <c r="G315" s="354"/>
    </row>
    <row r="316" spans="3:7" ht="19.2" outlineLevel="1">
      <c r="C316" s="50"/>
      <c r="D316" s="21" t="s">
        <v>544</v>
      </c>
      <c r="E316" s="16"/>
      <c r="F316" s="15" t="s">
        <v>111</v>
      </c>
      <c r="G316" s="354"/>
    </row>
    <row r="317" spans="3:7" ht="24.9" customHeight="1" outlineLevel="1">
      <c r="C317" s="50"/>
      <c r="D317" s="21" t="s">
        <v>545</v>
      </c>
      <c r="E317" s="15" t="s">
        <v>111</v>
      </c>
      <c r="F317" s="15" t="s">
        <v>111</v>
      </c>
      <c r="G317" s="354"/>
    </row>
    <row r="318" spans="3:7" ht="12" customHeight="1" outlineLevel="1">
      <c r="C318" s="54" t="s">
        <v>145</v>
      </c>
      <c r="D318" s="21" t="s">
        <v>235</v>
      </c>
      <c r="E318" s="15" t="s">
        <v>111</v>
      </c>
      <c r="F318" s="16"/>
      <c r="G318" s="354"/>
    </row>
    <row r="319" spans="3:7" ht="12" customHeight="1" outlineLevel="1" thickBot="1">
      <c r="C319" s="73"/>
      <c r="D319" s="114"/>
      <c r="E319" s="58"/>
      <c r="F319" s="58"/>
      <c r="G319" s="74"/>
    </row>
    <row r="320" spans="3:7" ht="12" customHeight="1" outlineLevel="1">
      <c r="C320" s="115"/>
      <c r="D320" s="116"/>
      <c r="E320" s="335"/>
      <c r="F320" s="335"/>
      <c r="G320" s="335"/>
    </row>
    <row r="321" spans="3:7" ht="12.75" customHeight="1" thickBot="1">
      <c r="C321" s="117" t="s">
        <v>176</v>
      </c>
    </row>
    <row r="322" spans="3:7" ht="12" customHeight="1" outlineLevel="1">
      <c r="C322" s="368" t="s">
        <v>23</v>
      </c>
      <c r="D322" s="370" t="s">
        <v>24</v>
      </c>
      <c r="E322" s="372" t="s">
        <v>25</v>
      </c>
      <c r="F322" s="373"/>
      <c r="G322" s="361" t="s">
        <v>81</v>
      </c>
    </row>
    <row r="323" spans="3:7" outlineLevel="1">
      <c r="C323" s="369"/>
      <c r="D323" s="371"/>
      <c r="E323" s="23" t="s">
        <v>26</v>
      </c>
      <c r="F323" s="23" t="s">
        <v>27</v>
      </c>
      <c r="G323" s="362"/>
    </row>
    <row r="324" spans="3:7" ht="12" customHeight="1" outlineLevel="1">
      <c r="C324" s="54" t="s">
        <v>19</v>
      </c>
      <c r="D324" s="21"/>
      <c r="E324" s="16"/>
      <c r="F324" s="16"/>
      <c r="G324" s="354" t="s">
        <v>111</v>
      </c>
    </row>
    <row r="325" spans="3:7" ht="12" customHeight="1" outlineLevel="1">
      <c r="C325" s="54" t="s">
        <v>143</v>
      </c>
      <c r="D325" s="21" t="s">
        <v>236</v>
      </c>
      <c r="E325" s="16"/>
      <c r="F325" s="15" t="s">
        <v>111</v>
      </c>
      <c r="G325" s="354"/>
    </row>
    <row r="326" spans="3:7" ht="12" customHeight="1" outlineLevel="1">
      <c r="C326" s="54" t="s">
        <v>20</v>
      </c>
      <c r="D326" s="21" t="s">
        <v>237</v>
      </c>
      <c r="E326" s="15" t="s">
        <v>111</v>
      </c>
      <c r="F326" s="15" t="s">
        <v>111</v>
      </c>
      <c r="G326" s="354"/>
    </row>
    <row r="327" spans="3:7" ht="12" customHeight="1" outlineLevel="1">
      <c r="C327" s="54"/>
      <c r="D327" s="21"/>
      <c r="E327" s="16"/>
      <c r="F327" s="16"/>
      <c r="G327" s="67"/>
    </row>
    <row r="328" spans="3:7" ht="12" customHeight="1" outlineLevel="1">
      <c r="C328" s="54" t="s">
        <v>21</v>
      </c>
      <c r="D328" s="21"/>
      <c r="E328" s="16"/>
      <c r="F328" s="16"/>
      <c r="G328" s="354" t="s">
        <v>111</v>
      </c>
    </row>
    <row r="329" spans="3:7" ht="12" customHeight="1" outlineLevel="1">
      <c r="C329" s="50" t="s">
        <v>22</v>
      </c>
      <c r="D329" s="21" t="s">
        <v>546</v>
      </c>
      <c r="E329" s="16"/>
      <c r="F329" s="15" t="s">
        <v>111</v>
      </c>
      <c r="G329" s="354"/>
    </row>
    <row r="330" spans="3:7" ht="12" customHeight="1" outlineLevel="1">
      <c r="C330" s="50"/>
      <c r="D330" s="21" t="s">
        <v>238</v>
      </c>
      <c r="E330" s="16"/>
      <c r="F330" s="15" t="s">
        <v>111</v>
      </c>
      <c r="G330" s="354"/>
    </row>
    <row r="331" spans="3:7" ht="12" customHeight="1" outlineLevel="1">
      <c r="C331" s="50"/>
      <c r="D331" s="21" t="s">
        <v>239</v>
      </c>
      <c r="E331" s="16"/>
      <c r="F331" s="15" t="s">
        <v>111</v>
      </c>
      <c r="G331" s="354"/>
    </row>
    <row r="332" spans="3:7" ht="12" customHeight="1" outlineLevel="1">
      <c r="C332" s="54" t="s">
        <v>48</v>
      </c>
      <c r="D332" s="21" t="s">
        <v>240</v>
      </c>
      <c r="E332" s="16"/>
      <c r="F332" s="15" t="s">
        <v>111</v>
      </c>
      <c r="G332" s="354"/>
    </row>
    <row r="333" spans="3:7" ht="12" customHeight="1" outlineLevel="1">
      <c r="C333" s="54"/>
      <c r="D333" s="21"/>
      <c r="E333" s="16"/>
      <c r="F333" s="16"/>
      <c r="G333" s="67"/>
    </row>
    <row r="334" spans="3:7" ht="12" customHeight="1" outlineLevel="1">
      <c r="C334" s="54" t="s">
        <v>394</v>
      </c>
      <c r="D334" s="21" t="s">
        <v>241</v>
      </c>
      <c r="E334" s="15" t="s">
        <v>111</v>
      </c>
      <c r="F334" s="15" t="s">
        <v>111</v>
      </c>
      <c r="G334" s="333"/>
    </row>
    <row r="335" spans="3:7" ht="12" customHeight="1" outlineLevel="1" thickBot="1">
      <c r="C335" s="42"/>
      <c r="D335" s="24"/>
      <c r="E335" s="44"/>
      <c r="F335" s="44"/>
      <c r="G335" s="45"/>
    </row>
    <row r="336" spans="3:7" ht="12" customHeight="1" outlineLevel="1">
      <c r="C336" s="115"/>
      <c r="D336" s="116"/>
      <c r="E336" s="335"/>
      <c r="F336" s="335"/>
      <c r="G336" s="335"/>
    </row>
    <row r="337" spans="3:7" ht="12.75" customHeight="1" thickBot="1">
      <c r="C337" s="36" t="s">
        <v>175</v>
      </c>
    </row>
    <row r="338" spans="3:7" ht="12" customHeight="1" outlineLevel="1">
      <c r="C338" s="368" t="s">
        <v>23</v>
      </c>
      <c r="D338" s="370" t="s">
        <v>24</v>
      </c>
      <c r="E338" s="372" t="s">
        <v>25</v>
      </c>
      <c r="F338" s="373"/>
      <c r="G338" s="361" t="s">
        <v>81</v>
      </c>
    </row>
    <row r="339" spans="3:7" outlineLevel="1">
      <c r="C339" s="369"/>
      <c r="D339" s="371"/>
      <c r="E339" s="23" t="s">
        <v>26</v>
      </c>
      <c r="F339" s="23" t="s">
        <v>27</v>
      </c>
      <c r="G339" s="362"/>
    </row>
    <row r="340" spans="3:7" ht="12" customHeight="1" outlineLevel="1">
      <c r="C340" s="46" t="s">
        <v>399</v>
      </c>
      <c r="D340" s="31" t="s">
        <v>242</v>
      </c>
      <c r="E340" s="10"/>
      <c r="F340" s="10"/>
      <c r="G340" s="363" t="s">
        <v>111</v>
      </c>
    </row>
    <row r="341" spans="3:7" ht="12" customHeight="1" outlineLevel="1">
      <c r="C341" s="50"/>
      <c r="D341" s="21" t="s">
        <v>243</v>
      </c>
      <c r="E341" s="16"/>
      <c r="F341" s="15" t="s">
        <v>111</v>
      </c>
      <c r="G341" s="354"/>
    </row>
    <row r="342" spans="3:7" ht="12" customHeight="1" outlineLevel="1">
      <c r="C342" s="50"/>
      <c r="D342" s="21" t="s">
        <v>246</v>
      </c>
      <c r="E342" s="16"/>
      <c r="F342" s="15" t="s">
        <v>111</v>
      </c>
      <c r="G342" s="354"/>
    </row>
    <row r="343" spans="3:7" ht="12" customHeight="1" outlineLevel="1">
      <c r="C343" s="50"/>
      <c r="D343" s="21" t="s">
        <v>244</v>
      </c>
      <c r="E343" s="16"/>
      <c r="F343" s="15" t="s">
        <v>111</v>
      </c>
      <c r="G343" s="354"/>
    </row>
    <row r="344" spans="3:7" ht="12" customHeight="1" outlineLevel="1">
      <c r="C344" s="50"/>
      <c r="D344" s="21" t="s">
        <v>245</v>
      </c>
      <c r="E344" s="16"/>
      <c r="F344" s="15" t="s">
        <v>111</v>
      </c>
      <c r="G344" s="354"/>
    </row>
    <row r="345" spans="3:7" ht="24.75" customHeight="1" outlineLevel="1">
      <c r="C345" s="50"/>
      <c r="D345" s="21" t="s">
        <v>247</v>
      </c>
      <c r="E345" s="16"/>
      <c r="F345" s="15" t="s">
        <v>111</v>
      </c>
      <c r="G345" s="354"/>
    </row>
    <row r="346" spans="3:7" ht="24.75" customHeight="1" outlineLevel="1">
      <c r="C346" s="50"/>
      <c r="D346" s="21" t="s">
        <v>248</v>
      </c>
      <c r="E346" s="16"/>
      <c r="F346" s="15" t="s">
        <v>111</v>
      </c>
      <c r="G346" s="354"/>
    </row>
    <row r="347" spans="3:7" outlineLevel="1">
      <c r="C347" s="50"/>
      <c r="D347" s="21" t="s">
        <v>249</v>
      </c>
      <c r="E347" s="16"/>
      <c r="F347" s="15" t="s">
        <v>111</v>
      </c>
      <c r="G347" s="354"/>
    </row>
    <row r="348" spans="3:7" ht="12" customHeight="1" outlineLevel="1">
      <c r="C348" s="50"/>
      <c r="D348" s="21" t="s">
        <v>250</v>
      </c>
      <c r="E348" s="16"/>
      <c r="F348" s="15" t="s">
        <v>111</v>
      </c>
      <c r="G348" s="354"/>
    </row>
    <row r="349" spans="3:7" ht="24.75" customHeight="1" outlineLevel="1">
      <c r="C349" s="50"/>
      <c r="D349" s="21" t="s">
        <v>287</v>
      </c>
      <c r="E349" s="16"/>
      <c r="F349" s="15" t="s">
        <v>111</v>
      </c>
      <c r="G349" s="354"/>
    </row>
    <row r="350" spans="3:7" ht="24.75" customHeight="1" outlineLevel="1">
      <c r="C350" s="40"/>
      <c r="D350" s="21" t="s">
        <v>547</v>
      </c>
      <c r="E350" s="15" t="s">
        <v>111</v>
      </c>
      <c r="F350" s="15" t="s">
        <v>111</v>
      </c>
      <c r="G350" s="360"/>
    </row>
    <row r="351" spans="3:7" ht="12.6" outlineLevel="1" thickBot="1">
      <c r="C351" s="42"/>
      <c r="D351" s="24"/>
      <c r="E351" s="44"/>
      <c r="F351" s="44"/>
      <c r="G351" s="45"/>
    </row>
    <row r="353" spans="3:7">
      <c r="C353" s="118" t="s">
        <v>173</v>
      </c>
    </row>
    <row r="354" spans="3:7" ht="12.6" thickBot="1">
      <c r="C354" s="36" t="s">
        <v>174</v>
      </c>
    </row>
    <row r="355" spans="3:7" ht="12" customHeight="1" outlineLevel="1">
      <c r="C355" s="368" t="s">
        <v>23</v>
      </c>
      <c r="D355" s="370" t="s">
        <v>24</v>
      </c>
      <c r="E355" s="372" t="s">
        <v>25</v>
      </c>
      <c r="F355" s="373"/>
      <c r="G355" s="361" t="s">
        <v>81</v>
      </c>
    </row>
    <row r="356" spans="3:7" outlineLevel="1">
      <c r="C356" s="369"/>
      <c r="D356" s="371"/>
      <c r="E356" s="23" t="s">
        <v>26</v>
      </c>
      <c r="F356" s="23" t="s">
        <v>27</v>
      </c>
      <c r="G356" s="362"/>
    </row>
    <row r="357" spans="3:7" outlineLevel="1">
      <c r="C357" s="46" t="s">
        <v>138</v>
      </c>
      <c r="D357" s="31" t="s">
        <v>548</v>
      </c>
      <c r="E357" s="11" t="s">
        <v>111</v>
      </c>
      <c r="F357" s="11" t="s">
        <v>111</v>
      </c>
      <c r="G357" s="331" t="s">
        <v>111</v>
      </c>
    </row>
    <row r="358" spans="3:7" outlineLevel="1">
      <c r="C358" s="54"/>
      <c r="D358" s="95"/>
      <c r="E358" s="16"/>
      <c r="F358" s="16"/>
      <c r="G358" s="67"/>
    </row>
    <row r="359" spans="3:7" outlineLevel="1">
      <c r="C359" s="54" t="s">
        <v>13</v>
      </c>
      <c r="D359" s="21"/>
      <c r="E359" s="16"/>
      <c r="F359" s="16"/>
      <c r="G359" s="358" t="s">
        <v>111</v>
      </c>
    </row>
    <row r="360" spans="3:7" outlineLevel="1">
      <c r="C360" s="54" t="s">
        <v>50</v>
      </c>
      <c r="D360" s="21" t="s">
        <v>549</v>
      </c>
      <c r="E360" s="16"/>
      <c r="F360" s="15" t="s">
        <v>111</v>
      </c>
      <c r="G360" s="360"/>
    </row>
    <row r="361" spans="3:7" outlineLevel="1">
      <c r="C361" s="54"/>
      <c r="D361" s="25"/>
      <c r="E361" s="16"/>
      <c r="F361" s="16"/>
      <c r="G361" s="86"/>
    </row>
    <row r="362" spans="3:7" ht="12" customHeight="1" outlineLevel="1">
      <c r="C362" s="96" t="s">
        <v>398</v>
      </c>
      <c r="D362" s="66" t="s">
        <v>251</v>
      </c>
      <c r="E362" s="15" t="s">
        <v>111</v>
      </c>
      <c r="F362" s="15" t="s">
        <v>111</v>
      </c>
      <c r="G362" s="354"/>
    </row>
    <row r="363" spans="3:7" ht="12" customHeight="1" outlineLevel="1">
      <c r="C363" s="50"/>
      <c r="D363" s="66" t="s">
        <v>144</v>
      </c>
      <c r="E363" s="15" t="s">
        <v>111</v>
      </c>
      <c r="F363" s="15" t="s">
        <v>111</v>
      </c>
      <c r="G363" s="354"/>
    </row>
    <row r="364" spans="3:7" ht="12" customHeight="1" outlineLevel="1">
      <c r="C364" s="50"/>
      <c r="D364" s="66" t="s">
        <v>252</v>
      </c>
      <c r="E364" s="15" t="s">
        <v>111</v>
      </c>
      <c r="F364" s="15" t="s">
        <v>111</v>
      </c>
      <c r="G364" s="354"/>
    </row>
    <row r="365" spans="3:7" ht="12" customHeight="1" outlineLevel="1">
      <c r="C365" s="40"/>
      <c r="D365" s="66" t="s">
        <v>288</v>
      </c>
      <c r="E365" s="15" t="s">
        <v>111</v>
      </c>
      <c r="F365" s="15" t="s">
        <v>111</v>
      </c>
      <c r="G365" s="360"/>
    </row>
    <row r="366" spans="3:7" ht="12" customHeight="1" outlineLevel="1" thickBot="1">
      <c r="C366" s="42"/>
      <c r="D366" s="119"/>
      <c r="E366" s="58"/>
      <c r="F366" s="58"/>
      <c r="G366" s="45"/>
    </row>
    <row r="367" spans="3:7" outlineLevel="1" collapsed="1"/>
    <row r="368" spans="3:7" ht="12.6" thickBot="1">
      <c r="C368" s="36" t="s">
        <v>172</v>
      </c>
    </row>
    <row r="369" spans="3:7" ht="12" customHeight="1" outlineLevel="1">
      <c r="C369" s="368" t="s">
        <v>23</v>
      </c>
      <c r="D369" s="370" t="s">
        <v>24</v>
      </c>
      <c r="E369" s="372" t="s">
        <v>25</v>
      </c>
      <c r="F369" s="380"/>
      <c r="G369" s="361" t="s">
        <v>81</v>
      </c>
    </row>
    <row r="370" spans="3:7" outlineLevel="1">
      <c r="C370" s="369"/>
      <c r="D370" s="371"/>
      <c r="E370" s="23" t="s">
        <v>26</v>
      </c>
      <c r="F370" s="23" t="s">
        <v>27</v>
      </c>
      <c r="G370" s="362"/>
    </row>
    <row r="371" spans="3:7" ht="12" customHeight="1" outlineLevel="1">
      <c r="C371" s="46" t="s">
        <v>399</v>
      </c>
      <c r="D371" s="120" t="s">
        <v>289</v>
      </c>
      <c r="E371" s="28"/>
      <c r="F371" s="121"/>
      <c r="G371" s="363" t="s">
        <v>111</v>
      </c>
    </row>
    <row r="372" spans="3:7" ht="12" customHeight="1" outlineLevel="1">
      <c r="C372" s="50"/>
      <c r="D372" s="21" t="s">
        <v>290</v>
      </c>
      <c r="E372" s="16"/>
      <c r="F372" s="15" t="s">
        <v>111</v>
      </c>
      <c r="G372" s="354"/>
    </row>
    <row r="373" spans="3:7" ht="12" customHeight="1" outlineLevel="1">
      <c r="C373" s="50"/>
      <c r="D373" s="21" t="s">
        <v>245</v>
      </c>
      <c r="E373" s="16"/>
      <c r="F373" s="15" t="s">
        <v>111</v>
      </c>
      <c r="G373" s="354"/>
    </row>
    <row r="374" spans="3:7" ht="24.75" customHeight="1" outlineLevel="1">
      <c r="C374" s="40"/>
      <c r="D374" s="21" t="s">
        <v>550</v>
      </c>
      <c r="E374" s="16"/>
      <c r="F374" s="15" t="s">
        <v>111</v>
      </c>
      <c r="G374" s="360"/>
    </row>
    <row r="375" spans="3:7" ht="12.6" outlineLevel="1" thickBot="1">
      <c r="C375" s="42"/>
      <c r="D375" s="24"/>
      <c r="E375" s="44"/>
      <c r="F375" s="44"/>
      <c r="G375" s="45"/>
    </row>
    <row r="377" spans="3:7">
      <c r="C377" s="118" t="s">
        <v>170</v>
      </c>
    </row>
    <row r="378" spans="3:7" ht="12.6" thickBot="1">
      <c r="C378" s="36" t="s">
        <v>171</v>
      </c>
    </row>
    <row r="379" spans="3:7" ht="12" customHeight="1" outlineLevel="1">
      <c r="C379" s="368" t="s">
        <v>23</v>
      </c>
      <c r="D379" s="370" t="s">
        <v>24</v>
      </c>
      <c r="E379" s="372" t="s">
        <v>25</v>
      </c>
      <c r="F379" s="373"/>
      <c r="G379" s="361" t="s">
        <v>81</v>
      </c>
    </row>
    <row r="380" spans="3:7" outlineLevel="1">
      <c r="C380" s="369"/>
      <c r="D380" s="371"/>
      <c r="E380" s="23" t="s">
        <v>26</v>
      </c>
      <c r="F380" s="23" t="s">
        <v>27</v>
      </c>
      <c r="G380" s="362"/>
    </row>
    <row r="381" spans="3:7" outlineLevel="1">
      <c r="C381" s="46" t="s">
        <v>30</v>
      </c>
      <c r="D381" s="122"/>
      <c r="E381" s="10"/>
      <c r="F381" s="10"/>
      <c r="G381" s="363" t="s">
        <v>111</v>
      </c>
    </row>
    <row r="382" spans="3:7" ht="12" customHeight="1" outlineLevel="1">
      <c r="C382" s="54" t="s">
        <v>28</v>
      </c>
      <c r="D382" s="21" t="s">
        <v>551</v>
      </c>
      <c r="E382" s="16"/>
      <c r="F382" s="15" t="s">
        <v>111</v>
      </c>
      <c r="G382" s="354"/>
    </row>
    <row r="383" spans="3:7" outlineLevel="1">
      <c r="C383" s="50" t="s">
        <v>10</v>
      </c>
      <c r="D383" s="95" t="s">
        <v>857</v>
      </c>
      <c r="E383" s="16" t="s">
        <v>111</v>
      </c>
      <c r="F383" s="15" t="s">
        <v>111</v>
      </c>
      <c r="G383" s="330"/>
    </row>
    <row r="384" spans="3:7" outlineLevel="1">
      <c r="C384" s="54"/>
      <c r="D384" s="21"/>
      <c r="E384" s="16"/>
      <c r="F384" s="16"/>
      <c r="G384" s="67"/>
    </row>
    <row r="385" spans="3:7" outlineLevel="1">
      <c r="C385" s="54" t="s">
        <v>13</v>
      </c>
      <c r="D385" s="123"/>
      <c r="E385" s="16"/>
      <c r="F385" s="16"/>
      <c r="G385" s="358" t="s">
        <v>111</v>
      </c>
    </row>
    <row r="386" spans="3:7" ht="24.75" customHeight="1" outlineLevel="1">
      <c r="C386" s="54" t="s">
        <v>51</v>
      </c>
      <c r="D386" s="21" t="s">
        <v>552</v>
      </c>
      <c r="E386" s="16"/>
      <c r="F386" s="15" t="s">
        <v>111</v>
      </c>
      <c r="G386" s="354"/>
    </row>
    <row r="387" spans="3:7" outlineLevel="1">
      <c r="C387" s="54" t="s">
        <v>86</v>
      </c>
      <c r="D387" s="21" t="s">
        <v>253</v>
      </c>
      <c r="E387" s="16"/>
      <c r="F387" s="15" t="s">
        <v>111</v>
      </c>
      <c r="G387" s="360"/>
    </row>
    <row r="388" spans="3:7" outlineLevel="1">
      <c r="C388" s="54"/>
      <c r="D388" s="25"/>
      <c r="E388" s="16"/>
      <c r="F388" s="16"/>
      <c r="G388" s="67"/>
    </row>
    <row r="389" spans="3:7" ht="12" customHeight="1" outlineLevel="1">
      <c r="C389" s="97" t="s">
        <v>398</v>
      </c>
      <c r="D389" s="21" t="s">
        <v>254</v>
      </c>
      <c r="E389" s="16"/>
      <c r="F389" s="15" t="s">
        <v>111</v>
      </c>
      <c r="G389" s="392"/>
    </row>
    <row r="390" spans="3:7" ht="12" customHeight="1" outlineLevel="1">
      <c r="C390" s="40"/>
      <c r="D390" s="21" t="s">
        <v>255</v>
      </c>
      <c r="E390" s="16"/>
      <c r="F390" s="15" t="s">
        <v>111</v>
      </c>
      <c r="G390" s="393"/>
    </row>
    <row r="391" spans="3:7" ht="12" customHeight="1" outlineLevel="1" thickBot="1">
      <c r="C391" s="42"/>
      <c r="D391" s="24"/>
      <c r="E391" s="44"/>
      <c r="F391" s="44"/>
      <c r="G391" s="45"/>
    </row>
    <row r="392" spans="3:7" outlineLevel="1"/>
    <row r="393" spans="3:7" ht="12.6" thickBot="1">
      <c r="C393" s="36" t="s">
        <v>169</v>
      </c>
    </row>
    <row r="394" spans="3:7" ht="12" customHeight="1" outlineLevel="1">
      <c r="C394" s="368" t="s">
        <v>23</v>
      </c>
      <c r="D394" s="370" t="s">
        <v>24</v>
      </c>
      <c r="E394" s="372" t="s">
        <v>25</v>
      </c>
      <c r="F394" s="373"/>
      <c r="G394" s="361" t="s">
        <v>81</v>
      </c>
    </row>
    <row r="395" spans="3:7" outlineLevel="1">
      <c r="C395" s="369"/>
      <c r="D395" s="371"/>
      <c r="E395" s="23" t="s">
        <v>26</v>
      </c>
      <c r="F395" s="23" t="s">
        <v>27</v>
      </c>
      <c r="G395" s="362"/>
    </row>
    <row r="396" spans="3:7" ht="12" customHeight="1" outlineLevel="1">
      <c r="C396" s="46" t="s">
        <v>399</v>
      </c>
      <c r="D396" s="31" t="s">
        <v>256</v>
      </c>
      <c r="E396" s="10"/>
      <c r="F396" s="124"/>
      <c r="G396" s="363" t="s">
        <v>111</v>
      </c>
    </row>
    <row r="397" spans="3:7" ht="12" customHeight="1" outlineLevel="1">
      <c r="C397" s="50"/>
      <c r="D397" s="21" t="s">
        <v>257</v>
      </c>
      <c r="E397" s="16"/>
      <c r="F397" s="15" t="s">
        <v>111</v>
      </c>
      <c r="G397" s="354"/>
    </row>
    <row r="398" spans="3:7" ht="24.75" customHeight="1" outlineLevel="1">
      <c r="C398" s="40"/>
      <c r="D398" s="21" t="s">
        <v>550</v>
      </c>
      <c r="E398" s="16"/>
      <c r="F398" s="15" t="s">
        <v>111</v>
      </c>
      <c r="G398" s="360"/>
    </row>
    <row r="399" spans="3:7" ht="12" customHeight="1" outlineLevel="1" thickBot="1">
      <c r="C399" s="42"/>
      <c r="D399" s="24"/>
      <c r="E399" s="44"/>
      <c r="F399" s="44"/>
      <c r="G399" s="45"/>
    </row>
    <row r="401" spans="3:7" ht="12.6" thickBot="1">
      <c r="C401" s="118" t="s">
        <v>553</v>
      </c>
    </row>
    <row r="402" spans="3:7" ht="12" customHeight="1" outlineLevel="1">
      <c r="C402" s="368" t="s">
        <v>23</v>
      </c>
      <c r="D402" s="370" t="s">
        <v>24</v>
      </c>
      <c r="E402" s="372" t="s">
        <v>25</v>
      </c>
      <c r="F402" s="373"/>
      <c r="G402" s="361" t="s">
        <v>81</v>
      </c>
    </row>
    <row r="403" spans="3:7" outlineLevel="1">
      <c r="C403" s="369"/>
      <c r="D403" s="371"/>
      <c r="E403" s="23" t="s">
        <v>26</v>
      </c>
      <c r="F403" s="23" t="s">
        <v>27</v>
      </c>
      <c r="G403" s="362"/>
    </row>
    <row r="404" spans="3:7" ht="24.9" customHeight="1" outlineLevel="1">
      <c r="C404" s="46" t="s">
        <v>400</v>
      </c>
      <c r="D404" s="21" t="s">
        <v>258</v>
      </c>
      <c r="E404" s="16"/>
      <c r="F404" s="15" t="s">
        <v>111</v>
      </c>
      <c r="G404" s="363"/>
    </row>
    <row r="405" spans="3:7" s="127" customFormat="1" ht="24.9" customHeight="1" outlineLevel="1">
      <c r="C405" s="125"/>
      <c r="D405" s="80" t="s">
        <v>554</v>
      </c>
      <c r="E405" s="126"/>
      <c r="F405" s="15" t="s">
        <v>111</v>
      </c>
      <c r="G405" s="354"/>
    </row>
    <row r="406" spans="3:7" s="127" customFormat="1" ht="12" customHeight="1" outlineLevel="1">
      <c r="C406" s="125"/>
      <c r="D406" s="21" t="s">
        <v>259</v>
      </c>
      <c r="E406" s="128"/>
      <c r="F406" s="15" t="s">
        <v>111</v>
      </c>
      <c r="G406" s="354"/>
    </row>
    <row r="407" spans="3:7" ht="12" customHeight="1" outlineLevel="1">
      <c r="C407" s="40"/>
      <c r="D407" s="21" t="s">
        <v>555</v>
      </c>
      <c r="E407" s="16"/>
      <c r="F407" s="15" t="s">
        <v>111</v>
      </c>
      <c r="G407" s="360"/>
    </row>
    <row r="408" spans="3:7" s="127" customFormat="1" ht="12" customHeight="1" outlineLevel="1" thickBot="1">
      <c r="C408" s="129"/>
      <c r="D408" s="130"/>
      <c r="E408" s="44"/>
      <c r="F408" s="44"/>
      <c r="G408" s="45"/>
    </row>
    <row r="410" spans="3:7" ht="12.6" thickBot="1">
      <c r="C410" s="118" t="s">
        <v>556</v>
      </c>
    </row>
    <row r="411" spans="3:7" ht="12" customHeight="1" outlineLevel="1">
      <c r="C411" s="387" t="s">
        <v>23</v>
      </c>
      <c r="D411" s="389" t="s">
        <v>24</v>
      </c>
      <c r="E411" s="372" t="s">
        <v>25</v>
      </c>
      <c r="F411" s="373"/>
      <c r="G411" s="361" t="s">
        <v>81</v>
      </c>
    </row>
    <row r="412" spans="3:7" outlineLevel="1">
      <c r="C412" s="388"/>
      <c r="D412" s="390"/>
      <c r="E412" s="23" t="s">
        <v>26</v>
      </c>
      <c r="F412" s="23" t="s">
        <v>27</v>
      </c>
      <c r="G412" s="362"/>
    </row>
    <row r="413" spans="3:7" outlineLevel="1">
      <c r="C413" s="46" t="s">
        <v>17</v>
      </c>
      <c r="D413" s="31"/>
      <c r="E413" s="10"/>
      <c r="F413" s="10"/>
      <c r="G413" s="363" t="s">
        <v>111</v>
      </c>
    </row>
    <row r="414" spans="3:7" outlineLevel="1">
      <c r="C414" s="54" t="s">
        <v>145</v>
      </c>
      <c r="D414" s="66" t="s">
        <v>260</v>
      </c>
      <c r="E414" s="15" t="s">
        <v>111</v>
      </c>
      <c r="F414" s="15" t="s">
        <v>111</v>
      </c>
      <c r="G414" s="354"/>
    </row>
    <row r="415" spans="3:7" outlineLevel="1">
      <c r="C415" s="54"/>
      <c r="D415" s="66"/>
      <c r="E415" s="16"/>
      <c r="F415" s="16"/>
      <c r="G415" s="67"/>
    </row>
    <row r="416" spans="3:7" outlineLevel="1">
      <c r="C416" s="54" t="s">
        <v>19</v>
      </c>
      <c r="D416" s="21"/>
      <c r="E416" s="16"/>
      <c r="F416" s="16"/>
      <c r="G416" s="358" t="s">
        <v>111</v>
      </c>
    </row>
    <row r="417" spans="3:7" outlineLevel="1">
      <c r="C417" s="54" t="s">
        <v>146</v>
      </c>
      <c r="D417" s="21" t="s">
        <v>557</v>
      </c>
      <c r="E417" s="16"/>
      <c r="F417" s="15" t="s">
        <v>111</v>
      </c>
      <c r="G417" s="354"/>
    </row>
    <row r="418" spans="3:7" outlineLevel="1">
      <c r="C418" s="50" t="s">
        <v>141</v>
      </c>
      <c r="D418" s="99" t="s">
        <v>291</v>
      </c>
      <c r="E418" s="15" t="s">
        <v>111</v>
      </c>
      <c r="F418" s="15" t="s">
        <v>111</v>
      </c>
      <c r="G418" s="354"/>
    </row>
    <row r="419" spans="3:7" outlineLevel="1">
      <c r="C419" s="50"/>
      <c r="D419" s="66" t="s">
        <v>292</v>
      </c>
      <c r="E419" s="16"/>
      <c r="F419" s="15" t="s">
        <v>111</v>
      </c>
      <c r="G419" s="360"/>
    </row>
    <row r="420" spans="3:7" outlineLevel="1">
      <c r="C420" s="54"/>
      <c r="D420" s="66"/>
      <c r="E420" s="16"/>
      <c r="F420" s="16"/>
      <c r="G420" s="86"/>
    </row>
    <row r="421" spans="3:7" ht="12" customHeight="1" outlineLevel="1">
      <c r="C421" s="54" t="s">
        <v>558</v>
      </c>
      <c r="D421" s="21" t="s">
        <v>559</v>
      </c>
      <c r="E421" s="15" t="s">
        <v>111</v>
      </c>
      <c r="F421" s="15" t="s">
        <v>111</v>
      </c>
      <c r="G421" s="354"/>
    </row>
    <row r="422" spans="3:7" ht="12" customHeight="1" outlineLevel="1">
      <c r="C422" s="54" t="s">
        <v>49</v>
      </c>
      <c r="D422" s="21" t="s">
        <v>366</v>
      </c>
      <c r="E422" s="322" t="s">
        <v>111</v>
      </c>
      <c r="F422" s="322" t="s">
        <v>111</v>
      </c>
      <c r="G422" s="360"/>
    </row>
    <row r="423" spans="3:7" ht="12" customHeight="1" outlineLevel="1" thickBot="1">
      <c r="C423" s="42"/>
      <c r="D423" s="24"/>
      <c r="E423" s="44"/>
      <c r="F423" s="44"/>
      <c r="G423" s="45"/>
    </row>
    <row r="425" spans="3:7" ht="12.6" thickBot="1">
      <c r="C425" s="118" t="s">
        <v>560</v>
      </c>
    </row>
    <row r="426" spans="3:7" ht="12" customHeight="1" outlineLevel="1">
      <c r="C426" s="374" t="s">
        <v>23</v>
      </c>
      <c r="D426" s="376" t="s">
        <v>24</v>
      </c>
      <c r="E426" s="372" t="s">
        <v>25</v>
      </c>
      <c r="F426" s="380"/>
      <c r="G426" s="378" t="s">
        <v>81</v>
      </c>
    </row>
    <row r="427" spans="3:7" outlineLevel="1">
      <c r="C427" s="375"/>
      <c r="D427" s="377"/>
      <c r="E427" s="23" t="s">
        <v>26</v>
      </c>
      <c r="F427" s="23" t="s">
        <v>27</v>
      </c>
      <c r="G427" s="379"/>
    </row>
    <row r="428" spans="3:7" ht="12" customHeight="1" outlineLevel="1">
      <c r="C428" s="50" t="s">
        <v>17</v>
      </c>
      <c r="D428" s="31"/>
      <c r="E428" s="10"/>
      <c r="F428" s="10"/>
      <c r="G428" s="363" t="s">
        <v>111</v>
      </c>
    </row>
    <row r="429" spans="3:7" outlineLevel="1">
      <c r="C429" s="54" t="s">
        <v>145</v>
      </c>
      <c r="D429" s="66" t="s">
        <v>260</v>
      </c>
      <c r="E429" s="15" t="s">
        <v>111</v>
      </c>
      <c r="F429" s="15" t="s">
        <v>111</v>
      </c>
      <c r="G429" s="354"/>
    </row>
    <row r="430" spans="3:7" outlineLevel="1">
      <c r="C430" s="54"/>
      <c r="D430" s="66"/>
      <c r="E430" s="16"/>
      <c r="F430" s="16"/>
      <c r="G430" s="67"/>
    </row>
    <row r="431" spans="3:7" outlineLevel="1">
      <c r="C431" s="54" t="s">
        <v>19</v>
      </c>
      <c r="D431" s="21"/>
      <c r="E431" s="16"/>
      <c r="F431" s="16"/>
      <c r="G431" s="358" t="s">
        <v>111</v>
      </c>
    </row>
    <row r="432" spans="3:7" outlineLevel="1">
      <c r="C432" s="54" t="s">
        <v>52</v>
      </c>
      <c r="D432" s="21" t="s">
        <v>557</v>
      </c>
      <c r="E432" s="16"/>
      <c r="F432" s="15" t="s">
        <v>111</v>
      </c>
      <c r="G432" s="354"/>
    </row>
    <row r="433" spans="3:7" outlineLevel="1">
      <c r="C433" s="54" t="s">
        <v>40</v>
      </c>
      <c r="D433" s="21" t="s">
        <v>557</v>
      </c>
      <c r="E433" s="16"/>
      <c r="F433" s="15" t="s">
        <v>111</v>
      </c>
      <c r="G433" s="360"/>
    </row>
    <row r="434" spans="3:7" ht="12.6" outlineLevel="1" thickBot="1">
      <c r="C434" s="42"/>
      <c r="D434" s="24"/>
      <c r="E434" s="44"/>
      <c r="F434" s="44"/>
      <c r="G434" s="45"/>
    </row>
    <row r="436" spans="3:7" ht="12.6" thickBot="1">
      <c r="C436" s="118" t="s">
        <v>561</v>
      </c>
    </row>
    <row r="437" spans="3:7" ht="12" customHeight="1" outlineLevel="1">
      <c r="C437" s="368" t="s">
        <v>23</v>
      </c>
      <c r="D437" s="370" t="s">
        <v>24</v>
      </c>
      <c r="E437" s="372" t="s">
        <v>25</v>
      </c>
      <c r="F437" s="373"/>
      <c r="G437" s="361" t="s">
        <v>81</v>
      </c>
    </row>
    <row r="438" spans="3:7" outlineLevel="1">
      <c r="C438" s="369"/>
      <c r="D438" s="371"/>
      <c r="E438" s="23" t="s">
        <v>26</v>
      </c>
      <c r="F438" s="23" t="s">
        <v>27</v>
      </c>
      <c r="G438" s="362"/>
    </row>
    <row r="439" spans="3:7" outlineLevel="1">
      <c r="C439" s="46" t="s">
        <v>17</v>
      </c>
      <c r="D439" s="31"/>
      <c r="E439" s="10"/>
      <c r="F439" s="10"/>
      <c r="G439" s="363" t="s">
        <v>111</v>
      </c>
    </row>
    <row r="440" spans="3:7" ht="19.2" outlineLevel="1">
      <c r="C440" s="54" t="s">
        <v>145</v>
      </c>
      <c r="D440" s="66" t="s">
        <v>294</v>
      </c>
      <c r="E440" s="15" t="s">
        <v>111</v>
      </c>
      <c r="F440" s="15" t="s">
        <v>111</v>
      </c>
      <c r="G440" s="354"/>
    </row>
    <row r="441" spans="3:7" outlineLevel="1">
      <c r="C441" s="54"/>
      <c r="D441" s="66"/>
      <c r="E441" s="16" t="s">
        <v>111</v>
      </c>
      <c r="F441" s="16"/>
      <c r="G441" s="131"/>
    </row>
    <row r="442" spans="3:7" outlineLevel="1">
      <c r="C442" s="54" t="s">
        <v>19</v>
      </c>
      <c r="D442" s="21"/>
      <c r="E442" s="16"/>
      <c r="F442" s="16"/>
      <c r="G442" s="358" t="s">
        <v>111</v>
      </c>
    </row>
    <row r="443" spans="3:7" outlineLevel="1">
      <c r="C443" s="54" t="s">
        <v>146</v>
      </c>
      <c r="D443" s="21" t="s">
        <v>557</v>
      </c>
      <c r="E443" s="16"/>
      <c r="F443" s="15" t="s">
        <v>111</v>
      </c>
      <c r="G443" s="354"/>
    </row>
    <row r="444" spans="3:7" outlineLevel="1">
      <c r="C444" s="54" t="s">
        <v>141</v>
      </c>
      <c r="D444" s="66" t="s">
        <v>292</v>
      </c>
      <c r="E444" s="15" t="s">
        <v>111</v>
      </c>
      <c r="F444" s="15" t="s">
        <v>111</v>
      </c>
      <c r="G444" s="360"/>
    </row>
    <row r="445" spans="3:7" outlineLevel="1">
      <c r="C445" s="54"/>
      <c r="D445" s="66"/>
      <c r="E445" s="16" t="s">
        <v>111</v>
      </c>
      <c r="F445" s="16"/>
      <c r="G445" s="131"/>
    </row>
    <row r="446" spans="3:7" ht="13.5" customHeight="1" outlineLevel="1">
      <c r="C446" s="32" t="s">
        <v>401</v>
      </c>
      <c r="D446" s="25" t="s">
        <v>293</v>
      </c>
      <c r="E446" s="16"/>
      <c r="F446" s="15" t="s">
        <v>111</v>
      </c>
      <c r="G446" s="332"/>
    </row>
    <row r="447" spans="3:7" ht="12.6" outlineLevel="1" thickBot="1">
      <c r="C447" s="42"/>
      <c r="D447" s="24"/>
      <c r="E447" s="44"/>
      <c r="F447" s="44"/>
      <c r="G447" s="45"/>
    </row>
    <row r="449" spans="3:7" ht="12.6" thickBot="1">
      <c r="C449" s="118" t="s">
        <v>562</v>
      </c>
    </row>
    <row r="450" spans="3:7" ht="12" customHeight="1" outlineLevel="1">
      <c r="C450" s="368" t="s">
        <v>23</v>
      </c>
      <c r="D450" s="370" t="s">
        <v>24</v>
      </c>
      <c r="E450" s="372" t="s">
        <v>25</v>
      </c>
      <c r="F450" s="380"/>
      <c r="G450" s="361" t="s">
        <v>81</v>
      </c>
    </row>
    <row r="451" spans="3:7" outlineLevel="1">
      <c r="C451" s="369"/>
      <c r="D451" s="371"/>
      <c r="E451" s="23" t="s">
        <v>26</v>
      </c>
      <c r="F451" s="23" t="s">
        <v>27</v>
      </c>
      <c r="G451" s="362"/>
    </row>
    <row r="452" spans="3:7" ht="24.75" customHeight="1" outlineLevel="1">
      <c r="C452" s="40" t="s">
        <v>53</v>
      </c>
      <c r="D452" s="120" t="s">
        <v>563</v>
      </c>
      <c r="E452" s="28"/>
      <c r="F452" s="27" t="s">
        <v>111</v>
      </c>
      <c r="G452" s="363" t="s">
        <v>111</v>
      </c>
    </row>
    <row r="453" spans="3:7" ht="12" customHeight="1" outlineLevel="1">
      <c r="C453" s="50" t="s">
        <v>36</v>
      </c>
      <c r="D453" s="99" t="s">
        <v>295</v>
      </c>
      <c r="E453" s="52"/>
      <c r="F453" s="52"/>
      <c r="G453" s="354"/>
    </row>
    <row r="454" spans="3:7" ht="12" customHeight="1" outlineLevel="1">
      <c r="C454" s="50"/>
      <c r="D454" s="66" t="s">
        <v>80</v>
      </c>
      <c r="E454" s="15" t="s">
        <v>111</v>
      </c>
      <c r="F454" s="15" t="s">
        <v>111</v>
      </c>
      <c r="G454" s="354"/>
    </row>
    <row r="455" spans="3:7" ht="12" customHeight="1" outlineLevel="1">
      <c r="C455" s="50"/>
      <c r="D455" s="66" t="s">
        <v>147</v>
      </c>
      <c r="E455" s="15" t="s">
        <v>111</v>
      </c>
      <c r="F455" s="15" t="s">
        <v>111</v>
      </c>
      <c r="G455" s="354"/>
    </row>
    <row r="456" spans="3:7" ht="12" customHeight="1" outlineLevel="1">
      <c r="C456" s="50"/>
      <c r="D456" s="66" t="s">
        <v>162</v>
      </c>
      <c r="E456" s="15" t="s">
        <v>111</v>
      </c>
      <c r="F456" s="15" t="s">
        <v>111</v>
      </c>
      <c r="G456" s="354"/>
    </row>
    <row r="457" spans="3:7" ht="12" customHeight="1" outlineLevel="1">
      <c r="C457" s="40"/>
      <c r="D457" s="66" t="s">
        <v>163</v>
      </c>
      <c r="E457" s="15" t="s">
        <v>111</v>
      </c>
      <c r="F457" s="15" t="s">
        <v>111</v>
      </c>
      <c r="G457" s="360"/>
    </row>
    <row r="458" spans="3:7" ht="12" customHeight="1" outlineLevel="1">
      <c r="C458" s="54"/>
      <c r="D458" s="66"/>
      <c r="E458" s="16"/>
      <c r="F458" s="16"/>
      <c r="G458" s="67"/>
    </row>
    <row r="459" spans="3:7" outlineLevel="1">
      <c r="C459" s="40" t="s">
        <v>55</v>
      </c>
      <c r="D459" s="120"/>
      <c r="E459" s="28"/>
      <c r="F459" s="28"/>
      <c r="G459" s="354" t="s">
        <v>111</v>
      </c>
    </row>
    <row r="460" spans="3:7" outlineLevel="1">
      <c r="C460" s="54" t="s">
        <v>145</v>
      </c>
      <c r="D460" s="66" t="s">
        <v>235</v>
      </c>
      <c r="E460" s="15" t="s">
        <v>111</v>
      </c>
      <c r="F460" s="16"/>
      <c r="G460" s="354"/>
    </row>
    <row r="461" spans="3:7" outlineLevel="1">
      <c r="C461" s="54"/>
      <c r="D461" s="21"/>
      <c r="E461" s="16"/>
      <c r="F461" s="16"/>
      <c r="G461" s="67"/>
    </row>
    <row r="462" spans="3:7" outlineLevel="1">
      <c r="C462" s="54" t="s">
        <v>564</v>
      </c>
      <c r="D462" s="21"/>
      <c r="E462" s="16"/>
      <c r="F462" s="16"/>
      <c r="G462" s="354" t="s">
        <v>111</v>
      </c>
    </row>
    <row r="463" spans="3:7" outlineLevel="1">
      <c r="C463" s="50" t="s">
        <v>37</v>
      </c>
      <c r="D463" s="99" t="s">
        <v>296</v>
      </c>
      <c r="E463" s="52"/>
      <c r="F463" s="52"/>
      <c r="G463" s="354"/>
    </row>
    <row r="464" spans="3:7" outlineLevel="1">
      <c r="C464" s="50" t="s">
        <v>148</v>
      </c>
      <c r="D464" s="66" t="s">
        <v>341</v>
      </c>
      <c r="E464" s="15" t="s">
        <v>111</v>
      </c>
      <c r="F464" s="15" t="s">
        <v>111</v>
      </c>
      <c r="G464" s="354"/>
    </row>
    <row r="465" spans="3:8" outlineLevel="1">
      <c r="C465" s="54"/>
      <c r="D465" s="21"/>
      <c r="E465" s="16"/>
      <c r="F465" s="16"/>
      <c r="G465" s="67"/>
    </row>
    <row r="466" spans="3:8" ht="12" customHeight="1" outlineLevel="1">
      <c r="C466" s="54" t="s">
        <v>392</v>
      </c>
      <c r="D466" s="21" t="s">
        <v>565</v>
      </c>
      <c r="E466" s="16"/>
      <c r="F466" s="16"/>
      <c r="G466" s="358" t="s">
        <v>111</v>
      </c>
    </row>
    <row r="467" spans="3:8" ht="12" customHeight="1" outlineLevel="1">
      <c r="C467" s="54"/>
      <c r="D467" s="18" t="s">
        <v>466</v>
      </c>
      <c r="E467" s="15" t="s">
        <v>111</v>
      </c>
      <c r="F467" s="16"/>
      <c r="G467" s="354"/>
    </row>
    <row r="468" spans="3:8" ht="13.5" customHeight="1" outlineLevel="1">
      <c r="C468" s="54"/>
      <c r="D468" s="18" t="s">
        <v>488</v>
      </c>
      <c r="E468" s="15" t="s">
        <v>111</v>
      </c>
      <c r="F468" s="15" t="s">
        <v>111</v>
      </c>
      <c r="G468" s="360"/>
    </row>
    <row r="469" spans="3:8" outlineLevel="1">
      <c r="C469" s="54"/>
      <c r="D469" s="21"/>
      <c r="E469" s="16"/>
      <c r="F469" s="16"/>
      <c r="G469" s="67"/>
    </row>
    <row r="470" spans="3:8" ht="12" customHeight="1" outlineLevel="1">
      <c r="C470" s="54" t="s">
        <v>393</v>
      </c>
      <c r="D470" s="66" t="s">
        <v>437</v>
      </c>
      <c r="E470" s="16"/>
      <c r="F470" s="16"/>
      <c r="G470" s="358" t="s">
        <v>111</v>
      </c>
    </row>
    <row r="471" spans="3:8" ht="12" customHeight="1" outlineLevel="1">
      <c r="C471" s="54"/>
      <c r="D471" s="18" t="s">
        <v>466</v>
      </c>
      <c r="E471" s="15" t="s">
        <v>111</v>
      </c>
      <c r="F471" s="16"/>
      <c r="G471" s="354"/>
    </row>
    <row r="472" spans="3:8" ht="13.5" customHeight="1" outlineLevel="1">
      <c r="C472" s="54"/>
      <c r="D472" s="18" t="s">
        <v>468</v>
      </c>
      <c r="E472" s="15" t="s">
        <v>111</v>
      </c>
      <c r="F472" s="15" t="s">
        <v>111</v>
      </c>
      <c r="G472" s="360"/>
    </row>
    <row r="473" spans="3:8" ht="12" customHeight="1" outlineLevel="1" thickBot="1">
      <c r="C473" s="42"/>
      <c r="D473" s="113"/>
      <c r="E473" s="44"/>
      <c r="F473" s="44"/>
      <c r="G473" s="45"/>
    </row>
    <row r="474" spans="3:8" outlineLevel="1">
      <c r="C474" s="63"/>
      <c r="D474" s="63"/>
      <c r="E474" s="64"/>
      <c r="F474" s="64"/>
      <c r="G474" s="64"/>
    </row>
    <row r="475" spans="3:8">
      <c r="C475" s="118" t="s">
        <v>566</v>
      </c>
    </row>
    <row r="476" spans="3:8" s="127" customFormat="1" ht="13.8" thickBot="1">
      <c r="C476" s="132" t="s">
        <v>567</v>
      </c>
      <c r="D476" s="133"/>
      <c r="E476" s="134"/>
      <c r="F476" s="134"/>
      <c r="G476" s="134"/>
      <c r="H476" s="133"/>
    </row>
    <row r="477" spans="3:8" s="127" customFormat="1" ht="13.5" customHeight="1" outlineLevel="1">
      <c r="C477" s="381" t="s">
        <v>23</v>
      </c>
      <c r="D477" s="383" t="s">
        <v>24</v>
      </c>
      <c r="E477" s="372" t="s">
        <v>25</v>
      </c>
      <c r="F477" s="373"/>
      <c r="G477" s="364" t="s">
        <v>81</v>
      </c>
    </row>
    <row r="478" spans="3:8" s="127" customFormat="1" ht="13.5" customHeight="1" outlineLevel="1">
      <c r="C478" s="382"/>
      <c r="D478" s="384"/>
      <c r="E478" s="135" t="s">
        <v>26</v>
      </c>
      <c r="F478" s="135" t="s">
        <v>27</v>
      </c>
      <c r="G478" s="385"/>
    </row>
    <row r="479" spans="3:8" s="127" customFormat="1" ht="12" customHeight="1" outlineLevel="1">
      <c r="C479" s="136" t="s">
        <v>54</v>
      </c>
      <c r="D479" s="22" t="s">
        <v>447</v>
      </c>
      <c r="E479" s="137"/>
      <c r="F479" s="138" t="s">
        <v>111</v>
      </c>
      <c r="G479" s="139" t="s">
        <v>111</v>
      </c>
    </row>
    <row r="480" spans="3:8" ht="12" customHeight="1" outlineLevel="1" thickBot="1">
      <c r="C480" s="42"/>
      <c r="D480" s="113"/>
      <c r="E480" s="44"/>
      <c r="F480" s="44"/>
      <c r="G480" s="45"/>
    </row>
    <row r="481" spans="3:8" s="127" customFormat="1" ht="13.2" outlineLevel="1">
      <c r="C481" s="133"/>
      <c r="D481" s="133"/>
      <c r="E481" s="134"/>
      <c r="F481" s="134"/>
      <c r="G481" s="134"/>
    </row>
    <row r="482" spans="3:8" s="127" customFormat="1" ht="13.8" thickBot="1">
      <c r="C482" s="132" t="s">
        <v>568</v>
      </c>
      <c r="D482" s="133"/>
      <c r="E482" s="134"/>
      <c r="F482" s="134"/>
      <c r="G482" s="134"/>
    </row>
    <row r="483" spans="3:8" ht="12" customHeight="1" outlineLevel="1">
      <c r="C483" s="368" t="s">
        <v>23</v>
      </c>
      <c r="D483" s="370" t="s">
        <v>24</v>
      </c>
      <c r="E483" s="372" t="s">
        <v>25</v>
      </c>
      <c r="F483" s="373"/>
      <c r="G483" s="361" t="s">
        <v>81</v>
      </c>
    </row>
    <row r="484" spans="3:8" outlineLevel="1">
      <c r="C484" s="369"/>
      <c r="D484" s="371"/>
      <c r="E484" s="23" t="s">
        <v>26</v>
      </c>
      <c r="F484" s="23" t="s">
        <v>27</v>
      </c>
      <c r="G484" s="362"/>
    </row>
    <row r="485" spans="3:8" s="127" customFormat="1" ht="12" customHeight="1" outlineLevel="1">
      <c r="C485" s="140" t="s">
        <v>569</v>
      </c>
      <c r="D485" s="141"/>
      <c r="E485" s="137"/>
      <c r="F485" s="137"/>
      <c r="G485" s="363" t="s">
        <v>111</v>
      </c>
    </row>
    <row r="486" spans="3:8" s="127" customFormat="1" ht="12" customHeight="1" outlineLevel="1">
      <c r="C486" s="142" t="s">
        <v>149</v>
      </c>
      <c r="D486" s="143" t="s">
        <v>297</v>
      </c>
      <c r="E486" s="52"/>
      <c r="F486" s="15" t="s">
        <v>111</v>
      </c>
      <c r="G486" s="354"/>
    </row>
    <row r="487" spans="3:8" s="127" customFormat="1" ht="19.2" outlineLevel="1">
      <c r="C487" s="144"/>
      <c r="D487" s="145" t="s">
        <v>438</v>
      </c>
      <c r="E487" s="16"/>
      <c r="F487" s="15" t="s">
        <v>111</v>
      </c>
      <c r="G487" s="354"/>
    </row>
    <row r="488" spans="3:8" s="127" customFormat="1" ht="12" customHeight="1" outlineLevel="1">
      <c r="C488" s="146" t="s">
        <v>570</v>
      </c>
      <c r="D488" s="145" t="s">
        <v>571</v>
      </c>
      <c r="E488" s="16"/>
      <c r="F488" s="15" t="s">
        <v>111</v>
      </c>
      <c r="G488" s="354"/>
    </row>
    <row r="489" spans="3:8" s="127" customFormat="1" ht="12" customHeight="1" outlineLevel="1">
      <c r="C489" s="146" t="s">
        <v>150</v>
      </c>
      <c r="D489" s="145" t="s">
        <v>572</v>
      </c>
      <c r="E489" s="16"/>
      <c r="F489" s="15" t="s">
        <v>111</v>
      </c>
      <c r="G489" s="354"/>
    </row>
    <row r="490" spans="3:8" s="127" customFormat="1" ht="12" customHeight="1" outlineLevel="1">
      <c r="C490" s="147"/>
      <c r="D490" s="148"/>
      <c r="E490" s="16"/>
      <c r="F490" s="16"/>
      <c r="G490" s="67"/>
    </row>
    <row r="491" spans="3:8" ht="12" customHeight="1" outlineLevel="1">
      <c r="C491" s="54" t="s">
        <v>55</v>
      </c>
      <c r="D491" s="21"/>
      <c r="E491" s="16"/>
      <c r="F491" s="16"/>
      <c r="G491" s="354" t="s">
        <v>111</v>
      </c>
    </row>
    <row r="492" spans="3:8" s="151" customFormat="1" ht="12" customHeight="1" outlineLevel="1">
      <c r="C492" s="149" t="s">
        <v>38</v>
      </c>
      <c r="D492" s="150" t="s">
        <v>235</v>
      </c>
      <c r="E492" s="15" t="s">
        <v>111</v>
      </c>
      <c r="F492" s="15" t="s">
        <v>111</v>
      </c>
      <c r="G492" s="354"/>
    </row>
    <row r="493" spans="3:8" s="151" customFormat="1" ht="12" customHeight="1" outlineLevel="1" thickBot="1">
      <c r="C493" s="152"/>
      <c r="D493" s="153"/>
      <c r="E493" s="44"/>
      <c r="F493" s="44"/>
      <c r="G493" s="74"/>
    </row>
    <row r="494" spans="3:8" ht="12" customHeight="1">
      <c r="C494" s="154"/>
      <c r="D494" s="154"/>
      <c r="E494" s="155"/>
      <c r="F494" s="155"/>
      <c r="G494" s="155"/>
    </row>
    <row r="495" spans="3:8" s="127" customFormat="1" ht="13.8" thickBot="1">
      <c r="C495" s="132" t="s">
        <v>573</v>
      </c>
      <c r="D495" s="133"/>
      <c r="E495" s="134"/>
      <c r="F495" s="134"/>
      <c r="G495" s="134"/>
      <c r="H495" s="133"/>
    </row>
    <row r="496" spans="3:8" s="127" customFormat="1" ht="13.5" customHeight="1" outlineLevel="1">
      <c r="C496" s="381" t="s">
        <v>23</v>
      </c>
      <c r="D496" s="383" t="s">
        <v>24</v>
      </c>
      <c r="E496" s="372" t="s">
        <v>25</v>
      </c>
      <c r="F496" s="373"/>
      <c r="G496" s="364" t="s">
        <v>81</v>
      </c>
    </row>
    <row r="497" spans="3:7" s="127" customFormat="1" ht="13.5" customHeight="1" outlineLevel="1">
      <c r="C497" s="382"/>
      <c r="D497" s="386"/>
      <c r="E497" s="23" t="s">
        <v>26</v>
      </c>
      <c r="F497" s="23" t="s">
        <v>27</v>
      </c>
      <c r="G497" s="365"/>
    </row>
    <row r="498" spans="3:7" s="127" customFormat="1" ht="24.9" customHeight="1" outlineLevel="1">
      <c r="C498" s="156" t="s">
        <v>157</v>
      </c>
      <c r="D498" s="157" t="s">
        <v>574</v>
      </c>
      <c r="E498" s="137"/>
      <c r="F498" s="27" t="s">
        <v>111</v>
      </c>
      <c r="G498" s="158" t="s">
        <v>111</v>
      </c>
    </row>
    <row r="499" spans="3:7" s="127" customFormat="1" ht="12" customHeight="1" outlineLevel="1" thickBot="1">
      <c r="C499" s="159"/>
      <c r="D499" s="160"/>
      <c r="E499" s="44"/>
      <c r="F499" s="44"/>
      <c r="G499" s="45"/>
    </row>
    <row r="501" spans="3:7" ht="12.6" thickBot="1">
      <c r="C501" s="36" t="s">
        <v>575</v>
      </c>
    </row>
    <row r="502" spans="3:7" ht="12" customHeight="1" outlineLevel="1">
      <c r="C502" s="368" t="s">
        <v>23</v>
      </c>
      <c r="D502" s="370" t="s">
        <v>24</v>
      </c>
      <c r="E502" s="372" t="s">
        <v>25</v>
      </c>
      <c r="F502" s="373"/>
      <c r="G502" s="361" t="s">
        <v>81</v>
      </c>
    </row>
    <row r="503" spans="3:7" outlineLevel="1">
      <c r="C503" s="369"/>
      <c r="D503" s="371"/>
      <c r="E503" s="23" t="s">
        <v>26</v>
      </c>
      <c r="F503" s="23" t="s">
        <v>27</v>
      </c>
      <c r="G503" s="362"/>
    </row>
    <row r="504" spans="3:7" ht="12" customHeight="1" outlineLevel="1">
      <c r="C504" s="46" t="s">
        <v>17</v>
      </c>
      <c r="D504" s="31"/>
      <c r="E504" s="10"/>
      <c r="F504" s="10"/>
      <c r="G504" s="363"/>
    </row>
    <row r="505" spans="3:7" outlineLevel="1">
      <c r="C505" s="54" t="s">
        <v>145</v>
      </c>
      <c r="D505" s="66" t="s">
        <v>235</v>
      </c>
      <c r="E505" s="15" t="s">
        <v>111</v>
      </c>
      <c r="F505" s="15" t="s">
        <v>111</v>
      </c>
      <c r="G505" s="354"/>
    </row>
    <row r="506" spans="3:7" outlineLevel="1">
      <c r="C506" s="50" t="s">
        <v>39</v>
      </c>
      <c r="D506" s="99" t="s">
        <v>298</v>
      </c>
      <c r="E506" s="16"/>
      <c r="F506" s="16"/>
      <c r="G506" s="354"/>
    </row>
    <row r="507" spans="3:7" outlineLevel="1">
      <c r="C507" s="50" t="s">
        <v>151</v>
      </c>
      <c r="D507" s="66" t="s">
        <v>93</v>
      </c>
      <c r="E507" s="15" t="s">
        <v>111</v>
      </c>
      <c r="F507" s="15" t="s">
        <v>111</v>
      </c>
      <c r="G507" s="354"/>
    </row>
    <row r="508" spans="3:7" outlineLevel="1">
      <c r="C508" s="50"/>
      <c r="D508" s="66" t="s">
        <v>94</v>
      </c>
      <c r="E508" s="15" t="s">
        <v>111</v>
      </c>
      <c r="F508" s="15" t="s">
        <v>111</v>
      </c>
      <c r="G508" s="354"/>
    </row>
    <row r="509" spans="3:7" outlineLevel="1">
      <c r="C509" s="50"/>
      <c r="D509" s="66" t="s">
        <v>152</v>
      </c>
      <c r="E509" s="15" t="s">
        <v>111</v>
      </c>
      <c r="F509" s="15" t="s">
        <v>111</v>
      </c>
      <c r="G509" s="354"/>
    </row>
    <row r="510" spans="3:7" outlineLevel="1">
      <c r="C510" s="54"/>
      <c r="D510" s="66"/>
      <c r="E510" s="16"/>
      <c r="F510" s="16"/>
      <c r="G510" s="67"/>
    </row>
    <row r="511" spans="3:7" outlineLevel="1">
      <c r="C511" s="50" t="s">
        <v>19</v>
      </c>
      <c r="D511" s="21"/>
      <c r="E511" s="16"/>
      <c r="F511" s="16"/>
      <c r="G511" s="354" t="s">
        <v>111</v>
      </c>
    </row>
    <row r="512" spans="3:7" outlineLevel="1">
      <c r="C512" s="92" t="s">
        <v>330</v>
      </c>
      <c r="D512" s="21" t="s">
        <v>557</v>
      </c>
      <c r="E512" s="16"/>
      <c r="F512" s="15" t="s">
        <v>111</v>
      </c>
      <c r="G512" s="354"/>
    </row>
    <row r="513" spans="3:7" outlineLevel="1">
      <c r="C513" s="50"/>
      <c r="D513" s="21" t="s">
        <v>329</v>
      </c>
      <c r="E513" s="15" t="s">
        <v>111</v>
      </c>
      <c r="F513" s="15" t="s">
        <v>111</v>
      </c>
      <c r="G513" s="354"/>
    </row>
    <row r="514" spans="3:7" outlineLevel="1">
      <c r="C514" s="92" t="s">
        <v>56</v>
      </c>
      <c r="D514" s="21" t="s">
        <v>536</v>
      </c>
      <c r="E514" s="16"/>
      <c r="F514" s="15" t="s">
        <v>111</v>
      </c>
      <c r="G514" s="354"/>
    </row>
    <row r="515" spans="3:7" outlineLevel="1">
      <c r="C515" s="50"/>
      <c r="D515" s="66" t="s">
        <v>299</v>
      </c>
      <c r="E515" s="15" t="s">
        <v>111</v>
      </c>
      <c r="F515" s="15" t="s">
        <v>111</v>
      </c>
      <c r="G515" s="354"/>
    </row>
    <row r="516" spans="3:7" outlineLevel="1">
      <c r="C516" s="92" t="s">
        <v>141</v>
      </c>
      <c r="D516" s="66" t="s">
        <v>291</v>
      </c>
      <c r="E516" s="15" t="s">
        <v>111</v>
      </c>
      <c r="F516" s="15" t="s">
        <v>111</v>
      </c>
      <c r="G516" s="354"/>
    </row>
    <row r="517" spans="3:7" outlineLevel="1">
      <c r="C517" s="50"/>
      <c r="D517" s="66" t="s">
        <v>292</v>
      </c>
      <c r="E517" s="16"/>
      <c r="F517" s="15" t="s">
        <v>111</v>
      </c>
      <c r="G517" s="354"/>
    </row>
    <row r="518" spans="3:7" ht="19.2" outlineLevel="1">
      <c r="C518" s="54" t="s">
        <v>57</v>
      </c>
      <c r="D518" s="21" t="s">
        <v>576</v>
      </c>
      <c r="E518" s="15" t="s">
        <v>111</v>
      </c>
      <c r="F518" s="15" t="s">
        <v>111</v>
      </c>
      <c r="G518" s="354"/>
    </row>
    <row r="519" spans="3:7" ht="12" customHeight="1" outlineLevel="1">
      <c r="C519" s="50" t="s">
        <v>58</v>
      </c>
      <c r="D519" s="21" t="s">
        <v>577</v>
      </c>
      <c r="E519" s="16"/>
      <c r="F519" s="15" t="s">
        <v>111</v>
      </c>
      <c r="G519" s="354"/>
    </row>
    <row r="520" spans="3:7" ht="12" customHeight="1" outlineLevel="1">
      <c r="C520" s="54"/>
      <c r="D520" s="21"/>
      <c r="E520" s="16"/>
      <c r="F520" s="16"/>
      <c r="G520" s="67"/>
    </row>
    <row r="521" spans="3:7" ht="12" customHeight="1" outlineLevel="1">
      <c r="C521" s="50" t="s">
        <v>21</v>
      </c>
      <c r="D521" s="21"/>
      <c r="E521" s="16"/>
      <c r="F521" s="16"/>
      <c r="G521" s="358" t="s">
        <v>111</v>
      </c>
    </row>
    <row r="522" spans="3:7" ht="12" customHeight="1" outlineLevel="1">
      <c r="C522" s="92" t="s">
        <v>0</v>
      </c>
      <c r="D522" s="21" t="s">
        <v>536</v>
      </c>
      <c r="E522" s="16"/>
      <c r="F522" s="15" t="s">
        <v>111</v>
      </c>
      <c r="G522" s="354"/>
    </row>
    <row r="523" spans="3:7" ht="12" customHeight="1" outlineLevel="1">
      <c r="C523" s="50"/>
      <c r="D523" s="21" t="s">
        <v>300</v>
      </c>
      <c r="E523" s="15" t="s">
        <v>111</v>
      </c>
      <c r="F523" s="15" t="s">
        <v>111</v>
      </c>
      <c r="G523" s="354"/>
    </row>
    <row r="524" spans="3:7" ht="12" customHeight="1" outlineLevel="1">
      <c r="C524" s="50"/>
      <c r="D524" s="21" t="s">
        <v>301</v>
      </c>
      <c r="E524" s="15" t="s">
        <v>111</v>
      </c>
      <c r="F524" s="15" t="s">
        <v>111</v>
      </c>
      <c r="G524" s="354"/>
    </row>
    <row r="525" spans="3:7" ht="12" customHeight="1" outlineLevel="1">
      <c r="C525" s="92" t="s">
        <v>69</v>
      </c>
      <c r="D525" s="21" t="s">
        <v>302</v>
      </c>
      <c r="E525" s="15" t="s">
        <v>111</v>
      </c>
      <c r="F525" s="15" t="s">
        <v>111</v>
      </c>
      <c r="G525" s="354"/>
    </row>
    <row r="526" spans="3:7" ht="12" customHeight="1" outlineLevel="1">
      <c r="C526" s="40"/>
      <c r="D526" s="21" t="s">
        <v>303</v>
      </c>
      <c r="E526" s="15" t="s">
        <v>111</v>
      </c>
      <c r="F526" s="15" t="s">
        <v>111</v>
      </c>
      <c r="G526" s="360"/>
    </row>
    <row r="527" spans="3:7" ht="12" customHeight="1" outlineLevel="1" thickBot="1">
      <c r="C527" s="42"/>
      <c r="D527" s="24"/>
      <c r="E527" s="44"/>
      <c r="F527" s="44"/>
      <c r="G527" s="45"/>
    </row>
    <row r="528" spans="3:7" ht="12" customHeight="1" outlineLevel="1">
      <c r="C528" s="63"/>
      <c r="D528" s="63"/>
      <c r="E528" s="335"/>
      <c r="F528" s="64"/>
      <c r="G528" s="64"/>
    </row>
    <row r="529" spans="3:7" ht="12.6" thickBot="1">
      <c r="C529" s="36" t="s">
        <v>578</v>
      </c>
    </row>
    <row r="530" spans="3:7" ht="12" customHeight="1" outlineLevel="1">
      <c r="C530" s="368" t="s">
        <v>23</v>
      </c>
      <c r="D530" s="370" t="s">
        <v>24</v>
      </c>
      <c r="E530" s="372" t="s">
        <v>25</v>
      </c>
      <c r="F530" s="373"/>
      <c r="G530" s="361" t="s">
        <v>81</v>
      </c>
    </row>
    <row r="531" spans="3:7" outlineLevel="1">
      <c r="C531" s="369"/>
      <c r="D531" s="371"/>
      <c r="E531" s="23" t="s">
        <v>26</v>
      </c>
      <c r="F531" s="23" t="s">
        <v>27</v>
      </c>
      <c r="G531" s="362"/>
    </row>
    <row r="532" spans="3:7" ht="12" customHeight="1" outlineLevel="1">
      <c r="C532" s="46" t="s">
        <v>17</v>
      </c>
      <c r="D532" s="31" t="s">
        <v>304</v>
      </c>
      <c r="E532" s="10"/>
      <c r="F532" s="11" t="s">
        <v>111</v>
      </c>
      <c r="G532" s="363"/>
    </row>
    <row r="533" spans="3:7" ht="12" customHeight="1" outlineLevel="1">
      <c r="C533" s="54" t="s">
        <v>331</v>
      </c>
      <c r="D533" s="21" t="s">
        <v>235</v>
      </c>
      <c r="E533" s="15"/>
      <c r="F533" s="15" t="s">
        <v>111</v>
      </c>
      <c r="G533" s="354"/>
    </row>
    <row r="534" spans="3:7" ht="12" customHeight="1" outlineLevel="1">
      <c r="C534" s="54"/>
      <c r="D534" s="21"/>
      <c r="E534" s="16"/>
      <c r="F534" s="16"/>
      <c r="G534" s="67"/>
    </row>
    <row r="535" spans="3:7" ht="12" customHeight="1" outlineLevel="1">
      <c r="C535" s="50" t="s">
        <v>78</v>
      </c>
      <c r="D535" s="21" t="s">
        <v>579</v>
      </c>
      <c r="E535" s="16"/>
      <c r="F535" s="15" t="s">
        <v>111</v>
      </c>
      <c r="G535" s="358" t="s">
        <v>111</v>
      </c>
    </row>
    <row r="536" spans="3:7" ht="12" customHeight="1" outlineLevel="1">
      <c r="C536" s="50"/>
      <c r="D536" s="21" t="s">
        <v>305</v>
      </c>
      <c r="E536" s="15" t="s">
        <v>111</v>
      </c>
      <c r="F536" s="15" t="s">
        <v>111</v>
      </c>
      <c r="G536" s="360"/>
    </row>
    <row r="537" spans="3:7" ht="12" customHeight="1" outlineLevel="1">
      <c r="C537" s="54"/>
      <c r="D537" s="21"/>
      <c r="E537" s="16"/>
      <c r="F537" s="16"/>
      <c r="G537" s="86"/>
    </row>
    <row r="538" spans="3:7" ht="24.75" customHeight="1" outlineLevel="1">
      <c r="C538" s="50" t="s">
        <v>79</v>
      </c>
      <c r="D538" s="21" t="s">
        <v>306</v>
      </c>
      <c r="E538" s="16"/>
      <c r="F538" s="15" t="s">
        <v>111</v>
      </c>
      <c r="G538" s="358" t="s">
        <v>111</v>
      </c>
    </row>
    <row r="539" spans="3:7" ht="24.9" customHeight="1" outlineLevel="1">
      <c r="C539" s="40"/>
      <c r="D539" s="21" t="s">
        <v>307</v>
      </c>
      <c r="E539" s="16"/>
      <c r="F539" s="15" t="s">
        <v>111</v>
      </c>
      <c r="G539" s="354"/>
    </row>
    <row r="540" spans="3:7" ht="24.9" customHeight="1" outlineLevel="1">
      <c r="C540" s="50" t="s">
        <v>59</v>
      </c>
      <c r="D540" s="21" t="s">
        <v>886</v>
      </c>
      <c r="E540" s="16"/>
      <c r="F540" s="15" t="s">
        <v>111</v>
      </c>
      <c r="G540" s="354"/>
    </row>
    <row r="541" spans="3:7" ht="24.9" customHeight="1" outlineLevel="1">
      <c r="C541" s="50"/>
      <c r="D541" s="21" t="s">
        <v>887</v>
      </c>
      <c r="E541" s="16"/>
      <c r="F541" s="15" t="s">
        <v>111</v>
      </c>
      <c r="G541" s="354"/>
    </row>
    <row r="542" spans="3:7" ht="12" customHeight="1" outlineLevel="1">
      <c r="C542" s="50"/>
      <c r="D542" s="21" t="s">
        <v>308</v>
      </c>
      <c r="E542" s="16"/>
      <c r="F542" s="15" t="s">
        <v>111</v>
      </c>
      <c r="G542" s="354"/>
    </row>
    <row r="543" spans="3:7" ht="12" customHeight="1" outlineLevel="1">
      <c r="C543" s="50"/>
      <c r="D543" s="21" t="s">
        <v>309</v>
      </c>
      <c r="E543" s="16"/>
      <c r="F543" s="15" t="s">
        <v>111</v>
      </c>
      <c r="G543" s="354"/>
    </row>
    <row r="544" spans="3:7" ht="12" customHeight="1" outlineLevel="1">
      <c r="C544" s="40"/>
      <c r="D544" s="21" t="s">
        <v>310</v>
      </c>
      <c r="E544" s="16"/>
      <c r="F544" s="15" t="s">
        <v>111</v>
      </c>
      <c r="G544" s="360"/>
    </row>
    <row r="545" spans="3:7" ht="12" customHeight="1" outlineLevel="1" thickBot="1">
      <c r="C545" s="42"/>
      <c r="D545" s="24"/>
      <c r="E545" s="44"/>
      <c r="F545" s="44"/>
      <c r="G545" s="45"/>
    </row>
    <row r="546" spans="3:7" ht="12" customHeight="1">
      <c r="C546" s="63"/>
      <c r="D546" s="63"/>
      <c r="E546" s="64"/>
      <c r="F546" s="64"/>
      <c r="G546" s="64"/>
    </row>
    <row r="547" spans="3:7" ht="12.6" thickBot="1">
      <c r="C547" s="36" t="s">
        <v>371</v>
      </c>
    </row>
    <row r="548" spans="3:7" ht="12" customHeight="1" outlineLevel="1">
      <c r="C548" s="368" t="s">
        <v>23</v>
      </c>
      <c r="D548" s="370" t="s">
        <v>24</v>
      </c>
      <c r="E548" s="372" t="s">
        <v>25</v>
      </c>
      <c r="F548" s="373"/>
      <c r="G548" s="361" t="s">
        <v>81</v>
      </c>
    </row>
    <row r="549" spans="3:7" outlineLevel="1">
      <c r="C549" s="369"/>
      <c r="D549" s="371"/>
      <c r="E549" s="23" t="s">
        <v>26</v>
      </c>
      <c r="F549" s="23" t="s">
        <v>27</v>
      </c>
      <c r="G549" s="362"/>
    </row>
    <row r="550" spans="3:7" ht="24.9" customHeight="1" outlineLevel="1">
      <c r="C550" s="50" t="s">
        <v>60</v>
      </c>
      <c r="D550" s="21" t="s">
        <v>311</v>
      </c>
      <c r="E550" s="16"/>
      <c r="F550" s="15"/>
      <c r="G550" s="354"/>
    </row>
    <row r="551" spans="3:7" ht="12" customHeight="1" outlineLevel="1">
      <c r="C551" s="50"/>
      <c r="D551" s="21" t="s">
        <v>312</v>
      </c>
      <c r="E551" s="15" t="s">
        <v>111</v>
      </c>
      <c r="F551" s="15" t="s">
        <v>111</v>
      </c>
      <c r="G551" s="354"/>
    </row>
    <row r="552" spans="3:7" ht="24.9" customHeight="1" outlineLevel="1">
      <c r="C552" s="92" t="s">
        <v>61</v>
      </c>
      <c r="D552" s="21" t="s">
        <v>372</v>
      </c>
      <c r="E552" s="16"/>
      <c r="F552" s="15" t="s">
        <v>111</v>
      </c>
      <c r="G552" s="354"/>
    </row>
    <row r="553" spans="3:7" ht="12" customHeight="1" outlineLevel="1">
      <c r="C553" s="50"/>
      <c r="D553" s="21" t="s">
        <v>312</v>
      </c>
      <c r="E553" s="15" t="s">
        <v>111</v>
      </c>
      <c r="F553" s="15" t="s">
        <v>111</v>
      </c>
      <c r="G553" s="354"/>
    </row>
    <row r="554" spans="3:7" ht="12" customHeight="1" outlineLevel="1">
      <c r="C554" s="54" t="s">
        <v>87</v>
      </c>
      <c r="D554" s="21" t="s">
        <v>373</v>
      </c>
      <c r="E554" s="15" t="s">
        <v>111</v>
      </c>
      <c r="F554" s="15" t="s">
        <v>111</v>
      </c>
      <c r="G554" s="354"/>
    </row>
    <row r="555" spans="3:7" ht="24.9" customHeight="1" outlineLevel="1">
      <c r="C555" s="50" t="s">
        <v>62</v>
      </c>
      <c r="D555" s="21" t="s">
        <v>439</v>
      </c>
      <c r="E555" s="15" t="s">
        <v>111</v>
      </c>
      <c r="F555" s="15" t="s">
        <v>111</v>
      </c>
      <c r="G555" s="354"/>
    </row>
    <row r="556" spans="3:7" ht="24.9" customHeight="1" outlineLevel="1">
      <c r="C556" s="54" t="s">
        <v>63</v>
      </c>
      <c r="D556" s="21" t="s">
        <v>374</v>
      </c>
      <c r="E556" s="15" t="s">
        <v>111</v>
      </c>
      <c r="F556" s="15" t="s">
        <v>111</v>
      </c>
      <c r="G556" s="360"/>
    </row>
    <row r="557" spans="3:7" ht="12" customHeight="1" outlineLevel="1" thickBot="1">
      <c r="C557" s="42"/>
      <c r="D557" s="24"/>
      <c r="E557" s="44"/>
      <c r="F557" s="44"/>
      <c r="G557" s="45"/>
    </row>
    <row r="558" spans="3:7" outlineLevel="1"/>
    <row r="559" spans="3:7" ht="12.6" thickBot="1">
      <c r="C559" s="118" t="s">
        <v>375</v>
      </c>
    </row>
    <row r="560" spans="3:7" ht="12" customHeight="1" outlineLevel="1">
      <c r="C560" s="368" t="s">
        <v>23</v>
      </c>
      <c r="D560" s="370" t="s">
        <v>24</v>
      </c>
      <c r="E560" s="372" t="s">
        <v>25</v>
      </c>
      <c r="F560" s="373"/>
      <c r="G560" s="361" t="s">
        <v>81</v>
      </c>
    </row>
    <row r="561" spans="3:7" outlineLevel="1">
      <c r="C561" s="369"/>
      <c r="D561" s="371"/>
      <c r="E561" s="23" t="s">
        <v>26</v>
      </c>
      <c r="F561" s="23" t="s">
        <v>27</v>
      </c>
      <c r="G561" s="362"/>
    </row>
    <row r="562" spans="3:7" s="162" customFormat="1" outlineLevel="1">
      <c r="C562" s="102" t="s">
        <v>112</v>
      </c>
      <c r="D562" s="161" t="s">
        <v>313</v>
      </c>
      <c r="E562" s="10"/>
      <c r="F562" s="124"/>
      <c r="G562" s="363"/>
    </row>
    <row r="563" spans="3:7" s="162" customFormat="1" outlineLevel="1">
      <c r="C563" s="163" t="s">
        <v>64</v>
      </c>
      <c r="D563" s="164" t="s">
        <v>314</v>
      </c>
      <c r="E563" s="26"/>
      <c r="F563" s="15" t="s">
        <v>111</v>
      </c>
      <c r="G563" s="354"/>
    </row>
    <row r="564" spans="3:7" s="162" customFormat="1" outlineLevel="1">
      <c r="C564" s="165"/>
      <c r="D564" s="166"/>
      <c r="E564" s="16"/>
      <c r="F564" s="16"/>
      <c r="G564" s="67"/>
    </row>
    <row r="565" spans="3:7" outlineLevel="1">
      <c r="C565" s="54" t="s">
        <v>113</v>
      </c>
      <c r="D565" s="21"/>
      <c r="E565" s="16"/>
      <c r="F565" s="16"/>
      <c r="G565" s="358"/>
    </row>
    <row r="566" spans="3:7" outlineLevel="1">
      <c r="C566" s="54" t="s">
        <v>35</v>
      </c>
      <c r="D566" s="21" t="s">
        <v>315</v>
      </c>
      <c r="E566" s="16"/>
      <c r="F566" s="15" t="s">
        <v>111</v>
      </c>
      <c r="G566" s="354"/>
    </row>
    <row r="567" spans="3:7" ht="12" customHeight="1">
      <c r="C567" s="50" t="s">
        <v>65</v>
      </c>
      <c r="D567" s="21" t="s">
        <v>189</v>
      </c>
      <c r="E567" s="16"/>
      <c r="F567" s="15" t="s">
        <v>111</v>
      </c>
      <c r="G567" s="354"/>
    </row>
    <row r="568" spans="3:7" ht="12" customHeight="1">
      <c r="C568" s="50"/>
      <c r="D568" s="21" t="s">
        <v>440</v>
      </c>
      <c r="E568" s="16"/>
      <c r="F568" s="15" t="s">
        <v>111</v>
      </c>
      <c r="G568" s="354"/>
    </row>
    <row r="569" spans="3:7" ht="12" customHeight="1">
      <c r="C569" s="50"/>
      <c r="D569" s="21" t="s">
        <v>191</v>
      </c>
      <c r="E569" s="16"/>
      <c r="F569" s="15" t="s">
        <v>111</v>
      </c>
      <c r="G569" s="354"/>
    </row>
    <row r="570" spans="3:7" ht="12" customHeight="1">
      <c r="C570" s="50"/>
      <c r="D570" s="21" t="s">
        <v>192</v>
      </c>
      <c r="E570" s="16"/>
      <c r="F570" s="15" t="s">
        <v>111</v>
      </c>
      <c r="G570" s="354"/>
    </row>
    <row r="571" spans="3:7" outlineLevel="1">
      <c r="C571" s="50"/>
      <c r="D571" s="21" t="s">
        <v>316</v>
      </c>
      <c r="E571" s="16"/>
      <c r="F571" s="15" t="s">
        <v>111</v>
      </c>
      <c r="G571" s="354"/>
    </row>
    <row r="572" spans="3:7" ht="12" customHeight="1">
      <c r="C572" s="50"/>
      <c r="D572" s="21" t="s">
        <v>421</v>
      </c>
      <c r="E572" s="81"/>
      <c r="F572" s="81"/>
      <c r="G572" s="354"/>
    </row>
    <row r="573" spans="3:7" ht="12" customHeight="1">
      <c r="C573" s="50"/>
      <c r="D573" s="18" t="s">
        <v>466</v>
      </c>
      <c r="E573" s="15" t="s">
        <v>111</v>
      </c>
      <c r="F573" s="81"/>
      <c r="G573" s="354"/>
    </row>
    <row r="574" spans="3:7" ht="12" customHeight="1">
      <c r="C574" s="50"/>
      <c r="D574" s="21" t="s">
        <v>473</v>
      </c>
      <c r="E574" s="15" t="s">
        <v>111</v>
      </c>
      <c r="F574" s="15" t="s">
        <v>111</v>
      </c>
      <c r="G574" s="360"/>
    </row>
    <row r="575" spans="3:7" outlineLevel="1">
      <c r="C575" s="54"/>
      <c r="D575" s="21"/>
      <c r="E575" s="16"/>
      <c r="F575" s="16"/>
      <c r="G575" s="67"/>
    </row>
    <row r="576" spans="3:7" ht="19.2" outlineLevel="1">
      <c r="C576" s="54" t="s">
        <v>376</v>
      </c>
      <c r="D576" s="21" t="s">
        <v>441</v>
      </c>
      <c r="E576" s="16"/>
      <c r="F576" s="15" t="s">
        <v>111</v>
      </c>
      <c r="G576" s="354"/>
    </row>
    <row r="577" spans="3:7" ht="19.2" outlineLevel="1">
      <c r="C577" s="50" t="s">
        <v>34</v>
      </c>
      <c r="D577" s="21" t="s">
        <v>377</v>
      </c>
      <c r="E577" s="16"/>
      <c r="F577" s="15" t="s">
        <v>111</v>
      </c>
      <c r="G577" s="354"/>
    </row>
    <row r="578" spans="3:7" outlineLevel="1">
      <c r="C578" s="54" t="s">
        <v>47</v>
      </c>
      <c r="D578" s="21" t="s">
        <v>317</v>
      </c>
      <c r="E578" s="16"/>
      <c r="F578" s="15" t="s">
        <v>111</v>
      </c>
      <c r="G578" s="354"/>
    </row>
    <row r="579" spans="3:7" ht="19.2" outlineLevel="1">
      <c r="C579" s="54" t="s">
        <v>9</v>
      </c>
      <c r="D579" s="21" t="s">
        <v>378</v>
      </c>
      <c r="E579" s="16"/>
      <c r="F579" s="15" t="s">
        <v>111</v>
      </c>
      <c r="G579" s="354"/>
    </row>
    <row r="580" spans="3:7" ht="12.6" outlineLevel="1" thickBot="1">
      <c r="C580" s="42"/>
      <c r="D580" s="24"/>
      <c r="E580" s="44"/>
      <c r="F580" s="44"/>
      <c r="G580" s="74"/>
    </row>
    <row r="581" spans="3:7" outlineLevel="1" collapsed="1">
      <c r="C581" s="63"/>
      <c r="D581" s="63"/>
      <c r="E581" s="64"/>
      <c r="F581" s="64"/>
      <c r="G581" s="64"/>
    </row>
    <row r="582" spans="3:7" ht="12.6" thickBot="1">
      <c r="C582" s="36" t="s">
        <v>379</v>
      </c>
    </row>
    <row r="583" spans="3:7" ht="12" customHeight="1" outlineLevel="1">
      <c r="C583" s="368" t="s">
        <v>23</v>
      </c>
      <c r="D583" s="370" t="s">
        <v>24</v>
      </c>
      <c r="E583" s="372" t="s">
        <v>25</v>
      </c>
      <c r="F583" s="373"/>
      <c r="G583" s="361" t="s">
        <v>81</v>
      </c>
    </row>
    <row r="584" spans="3:7" outlineLevel="1">
      <c r="C584" s="369"/>
      <c r="D584" s="371"/>
      <c r="E584" s="23" t="s">
        <v>26</v>
      </c>
      <c r="F584" s="23" t="s">
        <v>27</v>
      </c>
      <c r="G584" s="362"/>
    </row>
    <row r="585" spans="3:7" ht="12" customHeight="1" outlineLevel="1">
      <c r="C585" s="46" t="s">
        <v>402</v>
      </c>
      <c r="D585" s="31" t="s">
        <v>318</v>
      </c>
      <c r="E585" s="10"/>
      <c r="F585" s="11"/>
      <c r="G585" s="363"/>
    </row>
    <row r="586" spans="3:7" ht="12" customHeight="1" outlineLevel="1">
      <c r="C586" s="50"/>
      <c r="D586" s="21" t="s">
        <v>319</v>
      </c>
      <c r="E586" s="16"/>
      <c r="F586" s="15" t="s">
        <v>111</v>
      </c>
      <c r="G586" s="354"/>
    </row>
    <row r="587" spans="3:7" ht="12" customHeight="1" outlineLevel="1" thickBot="1">
      <c r="C587" s="42"/>
      <c r="D587" s="24"/>
      <c r="E587" s="44"/>
      <c r="F587" s="44"/>
      <c r="G587" s="45"/>
    </row>
    <row r="588" spans="3:7" outlineLevel="1"/>
    <row r="589" spans="3:7" ht="12.6" thickBot="1">
      <c r="C589" s="36" t="s">
        <v>380</v>
      </c>
    </row>
    <row r="590" spans="3:7" ht="12" customHeight="1" outlineLevel="1">
      <c r="C590" s="368" t="s">
        <v>23</v>
      </c>
      <c r="D590" s="370" t="s">
        <v>24</v>
      </c>
      <c r="E590" s="372" t="s">
        <v>25</v>
      </c>
      <c r="F590" s="373"/>
      <c r="G590" s="361" t="s">
        <v>81</v>
      </c>
    </row>
    <row r="591" spans="3:7" outlineLevel="1">
      <c r="C591" s="369"/>
      <c r="D591" s="371"/>
      <c r="E591" s="23" t="s">
        <v>26</v>
      </c>
      <c r="F591" s="23" t="s">
        <v>27</v>
      </c>
      <c r="G591" s="362"/>
    </row>
    <row r="592" spans="3:7" ht="12" customHeight="1" outlineLevel="1">
      <c r="C592" s="167" t="s">
        <v>403</v>
      </c>
      <c r="D592" s="31" t="s">
        <v>381</v>
      </c>
      <c r="E592" s="10"/>
      <c r="F592" s="11"/>
      <c r="G592" s="363"/>
    </row>
    <row r="593" spans="3:7" ht="24.9" customHeight="1" outlineLevel="1">
      <c r="C593" s="92" t="s">
        <v>18</v>
      </c>
      <c r="D593" s="21" t="s">
        <v>382</v>
      </c>
      <c r="E593" s="16"/>
      <c r="F593" s="15" t="s">
        <v>111</v>
      </c>
      <c r="G593" s="354"/>
    </row>
    <row r="594" spans="3:7" ht="24.9" customHeight="1" outlineLevel="1">
      <c r="C594" s="50"/>
      <c r="D594" s="21" t="s">
        <v>370</v>
      </c>
      <c r="E594" s="15" t="s">
        <v>111</v>
      </c>
      <c r="F594" s="15" t="s">
        <v>111</v>
      </c>
      <c r="G594" s="354"/>
    </row>
    <row r="595" spans="3:7" ht="12" customHeight="1" outlineLevel="1">
      <c r="C595" s="50"/>
      <c r="D595" s="21" t="s">
        <v>383</v>
      </c>
      <c r="E595" s="16"/>
      <c r="F595" s="15" t="s">
        <v>111</v>
      </c>
      <c r="G595" s="354"/>
    </row>
    <row r="596" spans="3:7" ht="12" customHeight="1" outlineLevel="1">
      <c r="C596" s="92" t="s">
        <v>92</v>
      </c>
      <c r="D596" s="21" t="s">
        <v>320</v>
      </c>
      <c r="E596" s="15" t="s">
        <v>111</v>
      </c>
      <c r="F596" s="15" t="s">
        <v>111</v>
      </c>
      <c r="G596" s="354"/>
    </row>
    <row r="597" spans="3:7" ht="12" customHeight="1" outlineLevel="1">
      <c r="C597" s="40"/>
      <c r="D597" s="21" t="s">
        <v>384</v>
      </c>
      <c r="E597" s="16"/>
      <c r="F597" s="15" t="s">
        <v>111</v>
      </c>
      <c r="G597" s="360"/>
    </row>
    <row r="598" spans="3:7" ht="12" customHeight="1" outlineLevel="1" thickBot="1">
      <c r="C598" s="42"/>
      <c r="D598" s="24"/>
      <c r="E598" s="44"/>
      <c r="F598" s="44"/>
      <c r="G598" s="45"/>
    </row>
    <row r="599" spans="3:7" outlineLevel="1"/>
    <row r="600" spans="3:7" ht="12.6" thickBot="1">
      <c r="C600" s="36" t="s">
        <v>442</v>
      </c>
    </row>
    <row r="601" spans="3:7" ht="12" customHeight="1" outlineLevel="1">
      <c r="C601" s="368" t="s">
        <v>23</v>
      </c>
      <c r="D601" s="370" t="s">
        <v>24</v>
      </c>
      <c r="E601" s="372" t="s">
        <v>25</v>
      </c>
      <c r="F601" s="373"/>
      <c r="G601" s="361" t="s">
        <v>81</v>
      </c>
    </row>
    <row r="602" spans="3:7" outlineLevel="1">
      <c r="C602" s="369"/>
      <c r="D602" s="371"/>
      <c r="E602" s="23" t="s">
        <v>26</v>
      </c>
      <c r="F602" s="23" t="s">
        <v>27</v>
      </c>
      <c r="G602" s="362"/>
    </row>
    <row r="603" spans="3:7" ht="12" customHeight="1" outlineLevel="1">
      <c r="C603" s="167" t="s">
        <v>457</v>
      </c>
      <c r="D603" s="31" t="s">
        <v>458</v>
      </c>
      <c r="E603" s="10"/>
      <c r="F603" s="10"/>
      <c r="G603" s="354"/>
    </row>
    <row r="604" spans="3:7" ht="12" customHeight="1" outlineLevel="1">
      <c r="C604" s="50"/>
      <c r="D604" s="18" t="s">
        <v>489</v>
      </c>
      <c r="E604" s="15" t="s">
        <v>111</v>
      </c>
      <c r="F604" s="16"/>
      <c r="G604" s="354"/>
    </row>
    <row r="605" spans="3:7" ht="12" customHeight="1" outlineLevel="1">
      <c r="C605" s="40"/>
      <c r="D605" s="21" t="s">
        <v>888</v>
      </c>
      <c r="E605" s="15" t="s">
        <v>111</v>
      </c>
      <c r="F605" s="15" t="s">
        <v>111</v>
      </c>
      <c r="G605" s="354"/>
    </row>
    <row r="606" spans="3:7" ht="12" customHeight="1" outlineLevel="1" thickBot="1">
      <c r="C606" s="42"/>
      <c r="D606" s="24"/>
      <c r="E606" s="44"/>
      <c r="F606" s="44"/>
      <c r="G606" s="45"/>
    </row>
    <row r="607" spans="3:7" outlineLevel="1"/>
    <row r="608" spans="3:7" ht="12.6" thickBot="1">
      <c r="C608" s="168" t="s">
        <v>443</v>
      </c>
      <c r="D608" s="169"/>
      <c r="E608" s="64"/>
      <c r="F608" s="64"/>
      <c r="G608" s="64"/>
    </row>
    <row r="609" spans="3:7" ht="12" customHeight="1" outlineLevel="1">
      <c r="C609" s="374" t="s">
        <v>23</v>
      </c>
      <c r="D609" s="376" t="s">
        <v>24</v>
      </c>
      <c r="E609" s="372" t="s">
        <v>25</v>
      </c>
      <c r="F609" s="373"/>
      <c r="G609" s="378" t="s">
        <v>81</v>
      </c>
    </row>
    <row r="610" spans="3:7" outlineLevel="1">
      <c r="C610" s="375"/>
      <c r="D610" s="377"/>
      <c r="E610" s="23" t="s">
        <v>26</v>
      </c>
      <c r="F610" s="23" t="s">
        <v>27</v>
      </c>
      <c r="G610" s="379"/>
    </row>
    <row r="611" spans="3:7" outlineLevel="1">
      <c r="C611" s="50" t="s">
        <v>114</v>
      </c>
      <c r="D611" s="99" t="s">
        <v>321</v>
      </c>
      <c r="E611" s="10"/>
      <c r="F611" s="52"/>
      <c r="G611" s="354"/>
    </row>
    <row r="612" spans="3:7" outlineLevel="1">
      <c r="C612" s="92"/>
      <c r="D612" s="66" t="s">
        <v>41</v>
      </c>
      <c r="E612" s="15" t="s">
        <v>111</v>
      </c>
      <c r="F612" s="16"/>
      <c r="G612" s="354"/>
    </row>
    <row r="613" spans="3:7" outlineLevel="1">
      <c r="C613" s="40"/>
      <c r="D613" s="66" t="s">
        <v>43</v>
      </c>
      <c r="E613" s="15" t="s">
        <v>111</v>
      </c>
      <c r="F613" s="15" t="s">
        <v>111</v>
      </c>
      <c r="G613" s="354"/>
    </row>
    <row r="614" spans="3:7" outlineLevel="1">
      <c r="C614" s="50"/>
      <c r="D614" s="66"/>
      <c r="E614" s="16"/>
      <c r="F614" s="16"/>
      <c r="G614" s="67"/>
    </row>
    <row r="615" spans="3:7" outlineLevel="1">
      <c r="C615" s="54" t="s">
        <v>115</v>
      </c>
      <c r="D615" s="66"/>
      <c r="E615" s="16"/>
      <c r="F615" s="16"/>
      <c r="G615" s="358"/>
    </row>
    <row r="616" spans="3:7" outlineLevel="1">
      <c r="C616" s="50" t="s">
        <v>46</v>
      </c>
      <c r="D616" s="66" t="s">
        <v>322</v>
      </c>
      <c r="E616" s="16"/>
      <c r="F616" s="16"/>
      <c r="G616" s="354"/>
    </row>
    <row r="617" spans="3:7" outlineLevel="1">
      <c r="C617" s="50"/>
      <c r="D617" s="66" t="s">
        <v>88</v>
      </c>
      <c r="E617" s="15" t="s">
        <v>111</v>
      </c>
      <c r="F617" s="16"/>
      <c r="G617" s="354"/>
    </row>
    <row r="618" spans="3:7" outlineLevel="1">
      <c r="C618" s="50"/>
      <c r="D618" s="66" t="s">
        <v>89</v>
      </c>
      <c r="E618" s="15" t="s">
        <v>111</v>
      </c>
      <c r="F618" s="15" t="s">
        <v>111</v>
      </c>
      <c r="G618" s="354"/>
    </row>
    <row r="619" spans="3:7" outlineLevel="1">
      <c r="C619" s="92" t="s">
        <v>133</v>
      </c>
      <c r="D619" s="66" t="s">
        <v>323</v>
      </c>
      <c r="E619" s="16"/>
      <c r="F619" s="16"/>
      <c r="G619" s="354"/>
    </row>
    <row r="620" spans="3:7" outlineLevel="1">
      <c r="C620" s="50" t="s">
        <v>91</v>
      </c>
      <c r="D620" s="66" t="s">
        <v>44</v>
      </c>
      <c r="E620" s="15" t="s">
        <v>111</v>
      </c>
      <c r="F620" s="16"/>
      <c r="G620" s="354"/>
    </row>
    <row r="621" spans="3:7" outlineLevel="1">
      <c r="C621" s="40"/>
      <c r="D621" s="66" t="s">
        <v>89</v>
      </c>
      <c r="E621" s="15" t="s">
        <v>111</v>
      </c>
      <c r="F621" s="15" t="s">
        <v>111</v>
      </c>
      <c r="G621" s="354"/>
    </row>
    <row r="622" spans="3:7" outlineLevel="1">
      <c r="C622" s="50" t="s">
        <v>90</v>
      </c>
      <c r="D622" s="66" t="s">
        <v>324</v>
      </c>
      <c r="E622" s="16"/>
      <c r="F622" s="16"/>
      <c r="G622" s="354"/>
    </row>
    <row r="623" spans="3:7" outlineLevel="1">
      <c r="C623" s="50" t="s">
        <v>91</v>
      </c>
      <c r="D623" s="66" t="s">
        <v>44</v>
      </c>
      <c r="E623" s="15" t="s">
        <v>111</v>
      </c>
      <c r="F623" s="16"/>
      <c r="G623" s="354"/>
    </row>
    <row r="624" spans="3:7" outlineLevel="1">
      <c r="C624" s="50"/>
      <c r="D624" s="66" t="s">
        <v>89</v>
      </c>
      <c r="E624" s="15" t="s">
        <v>111</v>
      </c>
      <c r="F624" s="15" t="s">
        <v>111</v>
      </c>
      <c r="G624" s="354"/>
    </row>
    <row r="625" spans="3:7" outlineLevel="1">
      <c r="C625" s="92" t="s">
        <v>117</v>
      </c>
      <c r="D625" s="66" t="s">
        <v>325</v>
      </c>
      <c r="E625" s="16"/>
      <c r="F625" s="16"/>
      <c r="G625" s="354"/>
    </row>
    <row r="626" spans="3:7" outlineLevel="1">
      <c r="C626" s="50" t="s">
        <v>134</v>
      </c>
      <c r="D626" s="66" t="s">
        <v>44</v>
      </c>
      <c r="E626" s="15" t="s">
        <v>111</v>
      </c>
      <c r="F626" s="16"/>
      <c r="G626" s="354"/>
    </row>
    <row r="627" spans="3:7" outlineLevel="1">
      <c r="C627" s="170"/>
      <c r="D627" s="66" t="s">
        <v>45</v>
      </c>
      <c r="E627" s="15" t="s">
        <v>111</v>
      </c>
      <c r="F627" s="15" t="s">
        <v>111</v>
      </c>
      <c r="G627" s="354"/>
    </row>
    <row r="628" spans="3:7" outlineLevel="1">
      <c r="C628" s="50" t="s">
        <v>116</v>
      </c>
      <c r="D628" s="66" t="s">
        <v>326</v>
      </c>
      <c r="E628" s="16"/>
      <c r="F628" s="16"/>
      <c r="G628" s="354"/>
    </row>
    <row r="629" spans="3:7" outlineLevel="1">
      <c r="C629" s="171" t="s">
        <v>110</v>
      </c>
      <c r="D629" s="66" t="s">
        <v>44</v>
      </c>
      <c r="E629" s="15" t="s">
        <v>111</v>
      </c>
      <c r="F629" s="16"/>
      <c r="G629" s="354"/>
    </row>
    <row r="630" spans="3:7" outlineLevel="1">
      <c r="C630" s="50"/>
      <c r="D630" s="66" t="s">
        <v>45</v>
      </c>
      <c r="E630" s="15" t="s">
        <v>111</v>
      </c>
      <c r="F630" s="15" t="s">
        <v>111</v>
      </c>
      <c r="G630" s="354"/>
    </row>
    <row r="631" spans="3:7" outlineLevel="1">
      <c r="C631" s="50"/>
      <c r="D631" s="66" t="s">
        <v>327</v>
      </c>
      <c r="E631" s="16"/>
      <c r="F631" s="16"/>
      <c r="G631" s="354"/>
    </row>
    <row r="632" spans="3:7" outlineLevel="1">
      <c r="C632" s="171"/>
      <c r="D632" s="66" t="s">
        <v>44</v>
      </c>
      <c r="E632" s="15" t="s">
        <v>111</v>
      </c>
      <c r="F632" s="16"/>
      <c r="G632" s="354"/>
    </row>
    <row r="633" spans="3:7" outlineLevel="1">
      <c r="C633" s="50"/>
      <c r="D633" s="66" t="s">
        <v>45</v>
      </c>
      <c r="E633" s="15" t="s">
        <v>111</v>
      </c>
      <c r="F633" s="15" t="s">
        <v>111</v>
      </c>
      <c r="G633" s="354"/>
    </row>
    <row r="634" spans="3:7" outlineLevel="1">
      <c r="C634" s="50"/>
      <c r="D634" s="66" t="s">
        <v>328</v>
      </c>
      <c r="E634" s="16"/>
      <c r="F634" s="16"/>
      <c r="G634" s="354"/>
    </row>
    <row r="635" spans="3:7" outlineLevel="1">
      <c r="C635" s="171"/>
      <c r="D635" s="66" t="s">
        <v>44</v>
      </c>
      <c r="E635" s="15" t="s">
        <v>111</v>
      </c>
      <c r="F635" s="16"/>
      <c r="G635" s="354"/>
    </row>
    <row r="636" spans="3:7" outlineLevel="1">
      <c r="C636" s="50"/>
      <c r="D636" s="66" t="s">
        <v>45</v>
      </c>
      <c r="E636" s="15" t="s">
        <v>111</v>
      </c>
      <c r="F636" s="15" t="s">
        <v>111</v>
      </c>
      <c r="G636" s="354"/>
    </row>
    <row r="637" spans="3:7" outlineLevel="1">
      <c r="C637" s="92" t="s">
        <v>334</v>
      </c>
      <c r="D637" s="66" t="s">
        <v>840</v>
      </c>
      <c r="E637" s="16"/>
      <c r="F637" s="16"/>
      <c r="G637" s="354"/>
    </row>
    <row r="638" spans="3:7" outlineLevel="1">
      <c r="C638" s="50"/>
      <c r="D638" s="66" t="s">
        <v>44</v>
      </c>
      <c r="E638" s="15"/>
      <c r="F638" s="16"/>
      <c r="G638" s="354"/>
    </row>
    <row r="639" spans="3:7" outlineLevel="1">
      <c r="C639" s="40"/>
      <c r="D639" s="66" t="s">
        <v>89</v>
      </c>
      <c r="E639" s="15" t="s">
        <v>111</v>
      </c>
      <c r="F639" s="15" t="s">
        <v>111</v>
      </c>
      <c r="G639" s="360"/>
    </row>
    <row r="640" spans="3:7" ht="12.75" customHeight="1" outlineLevel="1" thickBot="1">
      <c r="C640" s="42"/>
      <c r="D640" s="113"/>
      <c r="E640" s="44"/>
      <c r="F640" s="44"/>
      <c r="G640" s="45"/>
    </row>
    <row r="641" outlineLevel="1"/>
  </sheetData>
  <mergeCells count="203">
    <mergeCell ref="G64:G67"/>
    <mergeCell ref="G108:G118"/>
    <mergeCell ref="G74:G76"/>
    <mergeCell ref="G491:G492"/>
    <mergeCell ref="G324:G326"/>
    <mergeCell ref="G328:G332"/>
    <mergeCell ref="G340:G350"/>
    <mergeCell ref="G362:G365"/>
    <mergeCell ref="G371:G374"/>
    <mergeCell ref="G396:G398"/>
    <mergeCell ref="G381:G382"/>
    <mergeCell ref="G385:G387"/>
    <mergeCell ref="G442:G444"/>
    <mergeCell ref="G485:G489"/>
    <mergeCell ref="G389:G390"/>
    <mergeCell ref="G466:G468"/>
    <mergeCell ref="G470:G472"/>
    <mergeCell ref="G78:G80"/>
    <mergeCell ref="G92:G94"/>
    <mergeCell ref="G253:G258"/>
    <mergeCell ref="G82:G84"/>
    <mergeCell ref="G86:G90"/>
    <mergeCell ref="G211:G223"/>
    <mergeCell ref="G243:G246"/>
    <mergeCell ref="C104:C105"/>
    <mergeCell ref="D104:D105"/>
    <mergeCell ref="E104:F104"/>
    <mergeCell ref="G96:G98"/>
    <mergeCell ref="G142:G168"/>
    <mergeCell ref="G309:G318"/>
    <mergeCell ref="G32:G42"/>
    <mergeCell ref="C4:C5"/>
    <mergeCell ref="D4:D5"/>
    <mergeCell ref="E4:F4"/>
    <mergeCell ref="G4:G5"/>
    <mergeCell ref="C30:C31"/>
    <mergeCell ref="D30:D31"/>
    <mergeCell ref="E30:F30"/>
    <mergeCell ref="G30:G31"/>
    <mergeCell ref="G16:G26"/>
    <mergeCell ref="G56:G58"/>
    <mergeCell ref="G60:G62"/>
    <mergeCell ref="G69:G72"/>
    <mergeCell ref="C46:C47"/>
    <mergeCell ref="D46:D47"/>
    <mergeCell ref="E46:F46"/>
    <mergeCell ref="G46:G47"/>
    <mergeCell ref="G6:G14"/>
    <mergeCell ref="C209:C210"/>
    <mergeCell ref="D209:D210"/>
    <mergeCell ref="E209:F209"/>
    <mergeCell ref="G209:G210"/>
    <mergeCell ref="G120:G126"/>
    <mergeCell ref="C140:C141"/>
    <mergeCell ref="D140:D141"/>
    <mergeCell ref="E140:F140"/>
    <mergeCell ref="G140:G141"/>
    <mergeCell ref="G128:G129"/>
    <mergeCell ref="G190:G197"/>
    <mergeCell ref="G131:G136"/>
    <mergeCell ref="G199:G205"/>
    <mergeCell ref="C188:C189"/>
    <mergeCell ref="D188:D189"/>
    <mergeCell ref="E188:F188"/>
    <mergeCell ref="C286:C287"/>
    <mergeCell ref="D286:D287"/>
    <mergeCell ref="E286:F286"/>
    <mergeCell ref="G286:G287"/>
    <mergeCell ref="G264:G281"/>
    <mergeCell ref="C262:C263"/>
    <mergeCell ref="D262:D263"/>
    <mergeCell ref="E262:F262"/>
    <mergeCell ref="G262:G263"/>
    <mergeCell ref="C307:C308"/>
    <mergeCell ref="D307:D308"/>
    <mergeCell ref="E307:F307"/>
    <mergeCell ref="G307:G308"/>
    <mergeCell ref="G299:G303"/>
    <mergeCell ref="C295:C296"/>
    <mergeCell ref="D295:D296"/>
    <mergeCell ref="E295:F295"/>
    <mergeCell ref="G295:G296"/>
    <mergeCell ref="C355:C356"/>
    <mergeCell ref="D355:D356"/>
    <mergeCell ref="E355:F355"/>
    <mergeCell ref="G355:G356"/>
    <mergeCell ref="C322:C323"/>
    <mergeCell ref="D322:D323"/>
    <mergeCell ref="E322:F322"/>
    <mergeCell ref="G322:G323"/>
    <mergeCell ref="C379:C380"/>
    <mergeCell ref="D379:D380"/>
    <mergeCell ref="E379:F379"/>
    <mergeCell ref="G379:G380"/>
    <mergeCell ref="G359:G360"/>
    <mergeCell ref="C369:C370"/>
    <mergeCell ref="D369:D370"/>
    <mergeCell ref="E369:F369"/>
    <mergeCell ref="G369:G370"/>
    <mergeCell ref="C338:C339"/>
    <mergeCell ref="D338:D339"/>
    <mergeCell ref="E338:F338"/>
    <mergeCell ref="G338:G339"/>
    <mergeCell ref="C411:C412"/>
    <mergeCell ref="D411:D412"/>
    <mergeCell ref="E411:F411"/>
    <mergeCell ref="G411:G412"/>
    <mergeCell ref="G421:G422"/>
    <mergeCell ref="G416:G419"/>
    <mergeCell ref="C394:C395"/>
    <mergeCell ref="D394:D395"/>
    <mergeCell ref="E394:F394"/>
    <mergeCell ref="G394:G395"/>
    <mergeCell ref="C402:C403"/>
    <mergeCell ref="D402:D403"/>
    <mergeCell ref="E402:F402"/>
    <mergeCell ref="G402:G403"/>
    <mergeCell ref="G413:G414"/>
    <mergeCell ref="C437:C438"/>
    <mergeCell ref="D437:D438"/>
    <mergeCell ref="E437:F437"/>
    <mergeCell ref="G437:G438"/>
    <mergeCell ref="G428:G429"/>
    <mergeCell ref="G431:G433"/>
    <mergeCell ref="C426:C427"/>
    <mergeCell ref="D426:D427"/>
    <mergeCell ref="E426:F426"/>
    <mergeCell ref="G426:G427"/>
    <mergeCell ref="G603:G605"/>
    <mergeCell ref="C502:C503"/>
    <mergeCell ref="D502:D503"/>
    <mergeCell ref="E502:F502"/>
    <mergeCell ref="G502:G503"/>
    <mergeCell ref="G504:G509"/>
    <mergeCell ref="C450:C451"/>
    <mergeCell ref="D450:D451"/>
    <mergeCell ref="E450:F450"/>
    <mergeCell ref="G450:G451"/>
    <mergeCell ref="G452:G457"/>
    <mergeCell ref="G459:G460"/>
    <mergeCell ref="G462:G464"/>
    <mergeCell ref="C483:C484"/>
    <mergeCell ref="D483:D484"/>
    <mergeCell ref="E483:F483"/>
    <mergeCell ref="G483:G484"/>
    <mergeCell ref="C477:C478"/>
    <mergeCell ref="D477:D478"/>
    <mergeCell ref="E477:F477"/>
    <mergeCell ref="G477:G478"/>
    <mergeCell ref="C496:C497"/>
    <mergeCell ref="D496:D497"/>
    <mergeCell ref="E496:F496"/>
    <mergeCell ref="E590:F590"/>
    <mergeCell ref="G590:G591"/>
    <mergeCell ref="G576:G579"/>
    <mergeCell ref="C583:C584"/>
    <mergeCell ref="D583:D584"/>
    <mergeCell ref="E583:F583"/>
    <mergeCell ref="G583:G584"/>
    <mergeCell ref="C601:C602"/>
    <mergeCell ref="D601:D602"/>
    <mergeCell ref="E601:F601"/>
    <mergeCell ref="G601:G602"/>
    <mergeCell ref="G585:G586"/>
    <mergeCell ref="G592:G597"/>
    <mergeCell ref="C530:C531"/>
    <mergeCell ref="D530:D531"/>
    <mergeCell ref="E530:F530"/>
    <mergeCell ref="G530:G531"/>
    <mergeCell ref="G611:G613"/>
    <mergeCell ref="G615:G639"/>
    <mergeCell ref="G532:G533"/>
    <mergeCell ref="G297:G298"/>
    <mergeCell ref="C560:C561"/>
    <mergeCell ref="D560:D561"/>
    <mergeCell ref="E560:F560"/>
    <mergeCell ref="G560:G561"/>
    <mergeCell ref="G562:G563"/>
    <mergeCell ref="G535:G536"/>
    <mergeCell ref="C548:C549"/>
    <mergeCell ref="D548:D549"/>
    <mergeCell ref="E548:F548"/>
    <mergeCell ref="G548:G549"/>
    <mergeCell ref="C609:C610"/>
    <mergeCell ref="D609:D610"/>
    <mergeCell ref="E609:F609"/>
    <mergeCell ref="G609:G610"/>
    <mergeCell ref="C590:C591"/>
    <mergeCell ref="D590:D591"/>
    <mergeCell ref="G248:G251"/>
    <mergeCell ref="G170:G179"/>
    <mergeCell ref="G181:G184"/>
    <mergeCell ref="G565:G574"/>
    <mergeCell ref="G538:G544"/>
    <mergeCell ref="G188:G189"/>
    <mergeCell ref="G288:G291"/>
    <mergeCell ref="G550:G556"/>
    <mergeCell ref="G439:G440"/>
    <mergeCell ref="G511:G519"/>
    <mergeCell ref="G496:G497"/>
    <mergeCell ref="G404:G407"/>
    <mergeCell ref="G521:G526"/>
    <mergeCell ref="G225:G241"/>
  </mergeCells>
  <phoneticPr fontId="12"/>
  <printOptions horizontalCentered="1"/>
  <pageMargins left="0.59055118110236227" right="0.59055118110236227" top="0.78740157480314965" bottom="0.59055118110236227" header="0.31496062992125984" footer="0.31496062992125984"/>
  <pageSetup paperSize="9" fitToHeight="73" orientation="portrait" useFirstPageNumber="1" r:id="rId1"/>
  <headerFooter alignWithMargins="0"/>
  <rowBreaks count="17" manualBreakCount="17">
    <brk id="44" min="1" max="7" man="1"/>
    <brk id="100" min="1" max="7" man="1"/>
    <brk id="138" min="1" max="7" man="1"/>
    <brk id="186" min="1" max="7" man="1"/>
    <brk id="207" min="1" max="7" man="1"/>
    <brk id="260" min="1" max="7" man="1"/>
    <brk id="283" min="1" max="7" man="1"/>
    <brk id="320" min="1" max="7" man="1"/>
    <brk id="376" min="1" max="7" man="1"/>
    <brk id="409" min="1" max="7" man="1"/>
    <brk id="435" min="1" max="7" man="1"/>
    <brk id="448" min="1" max="7" man="1"/>
    <brk id="474" min="1" max="7" man="1"/>
    <brk id="500" min="1" max="7" man="1"/>
    <brk id="528" min="1" max="7" man="1"/>
    <brk id="546" min="1" max="7" man="1"/>
    <brk id="599" min="1" max="7"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8"/>
  <sheetViews>
    <sheetView showGridLines="0" view="pageBreakPreview" zoomScale="90" zoomScaleNormal="100" zoomScaleSheetLayoutView="90" workbookViewId="0">
      <selection activeCell="G19" sqref="G19"/>
    </sheetView>
  </sheetViews>
  <sheetFormatPr defaultColWidth="9" defaultRowHeight="13.2"/>
  <cols>
    <col min="1" max="16384" width="9" style="13"/>
  </cols>
  <sheetData>
    <row r="1" spans="1:9">
      <c r="A1" s="1"/>
      <c r="B1" s="2"/>
      <c r="C1" s="2"/>
      <c r="D1" s="2"/>
      <c r="E1" s="2"/>
      <c r="F1" s="2"/>
      <c r="G1" s="2"/>
      <c r="H1" s="2"/>
    </row>
    <row r="2" spans="1:9">
      <c r="A2" s="1"/>
      <c r="B2" s="2"/>
      <c r="C2" s="2"/>
      <c r="D2" s="2"/>
      <c r="E2" s="2"/>
      <c r="F2" s="2"/>
      <c r="G2" s="2"/>
      <c r="H2" s="2"/>
    </row>
    <row r="3" spans="1:9">
      <c r="A3" s="1"/>
      <c r="B3" s="2"/>
      <c r="C3" s="2"/>
      <c r="D3" s="345"/>
      <c r="E3" s="345"/>
      <c r="F3" s="2"/>
      <c r="G3" s="2"/>
      <c r="H3" s="2"/>
    </row>
    <row r="4" spans="1:9">
      <c r="A4" s="1"/>
      <c r="B4" s="2"/>
      <c r="C4" s="2"/>
      <c r="D4" s="345"/>
      <c r="E4" s="345"/>
      <c r="F4" s="2"/>
      <c r="G4" s="2"/>
      <c r="H4" s="2"/>
    </row>
    <row r="5" spans="1:9">
      <c r="A5" s="1"/>
      <c r="B5" s="2"/>
      <c r="C5" s="2"/>
      <c r="D5" s="2"/>
      <c r="E5" s="2"/>
      <c r="F5" s="2"/>
      <c r="G5" s="2"/>
      <c r="H5" s="2"/>
    </row>
    <row r="6" spans="1:9">
      <c r="A6" s="1"/>
      <c r="B6" s="2"/>
      <c r="C6" s="2"/>
      <c r="D6" s="2"/>
      <c r="E6" s="2"/>
      <c r="F6" s="2"/>
      <c r="G6" s="2"/>
      <c r="H6" s="2"/>
    </row>
    <row r="7" spans="1:9">
      <c r="A7" s="1"/>
      <c r="B7" s="2"/>
      <c r="C7" s="2"/>
      <c r="D7" s="2"/>
      <c r="E7" s="2"/>
      <c r="F7" s="2"/>
      <c r="G7" s="2"/>
      <c r="H7" s="2"/>
    </row>
    <row r="8" spans="1:9">
      <c r="A8" s="1"/>
      <c r="B8" s="2"/>
      <c r="C8" s="2"/>
      <c r="D8" s="2"/>
      <c r="E8" s="2"/>
      <c r="F8" s="2"/>
      <c r="G8" s="2"/>
      <c r="H8" s="2"/>
    </row>
    <row r="9" spans="1:9" ht="19.2">
      <c r="A9" s="346" t="s">
        <v>874</v>
      </c>
      <c r="B9" s="346"/>
      <c r="C9" s="346"/>
      <c r="D9" s="346"/>
      <c r="E9" s="346"/>
      <c r="F9" s="346"/>
      <c r="G9" s="346"/>
      <c r="H9" s="346"/>
      <c r="I9" s="346"/>
    </row>
    <row r="10" spans="1:9">
      <c r="A10" s="3"/>
      <c r="B10" s="2"/>
      <c r="C10" s="2"/>
      <c r="D10" s="2"/>
      <c r="E10" s="2"/>
      <c r="F10" s="2"/>
      <c r="G10" s="2"/>
      <c r="H10" s="2"/>
    </row>
    <row r="11" spans="1:9" ht="16.2">
      <c r="A11" s="348"/>
      <c r="B11" s="348"/>
      <c r="C11" s="348"/>
      <c r="D11" s="348"/>
      <c r="E11" s="348"/>
      <c r="F11" s="348"/>
      <c r="G11" s="348"/>
      <c r="H11" s="348"/>
      <c r="I11" s="348"/>
    </row>
    <row r="12" spans="1:9">
      <c r="A12" s="3"/>
      <c r="B12" s="2"/>
      <c r="C12" s="2"/>
      <c r="D12" s="2"/>
      <c r="E12" s="2"/>
      <c r="F12" s="2"/>
      <c r="G12" s="2"/>
      <c r="H12" s="2"/>
    </row>
    <row r="13" spans="1:9">
      <c r="A13" s="349"/>
      <c r="B13" s="349"/>
      <c r="C13" s="349"/>
      <c r="D13" s="349"/>
      <c r="E13" s="349"/>
      <c r="F13" s="349"/>
      <c r="G13" s="349"/>
      <c r="H13" s="349"/>
    </row>
    <row r="14" spans="1:9">
      <c r="A14" s="3"/>
      <c r="B14" s="2"/>
      <c r="C14" s="2"/>
      <c r="D14" s="2"/>
      <c r="E14" s="2"/>
      <c r="F14" s="2"/>
      <c r="G14" s="2"/>
      <c r="H14" s="2"/>
    </row>
    <row r="15" spans="1:9">
      <c r="A15" s="3"/>
      <c r="B15" s="2"/>
      <c r="C15" s="2"/>
      <c r="D15" s="2"/>
      <c r="E15" s="2"/>
      <c r="F15" s="2"/>
      <c r="G15" s="2"/>
      <c r="H15" s="2"/>
    </row>
    <row r="16" spans="1:9">
      <c r="A16" s="4"/>
      <c r="B16" s="4"/>
      <c r="C16" s="2"/>
      <c r="D16" s="2"/>
      <c r="E16" s="2"/>
      <c r="F16" s="2"/>
      <c r="G16" s="2"/>
      <c r="H16" s="2"/>
    </row>
    <row r="17" spans="1:8">
      <c r="A17" s="3"/>
      <c r="B17" s="2"/>
      <c r="C17" s="2"/>
      <c r="D17" s="2"/>
      <c r="E17" s="2"/>
      <c r="F17" s="2"/>
      <c r="G17" s="2"/>
      <c r="H17" s="2"/>
    </row>
    <row r="18" spans="1:8" ht="14.4">
      <c r="A18" s="350" t="s">
        <v>118</v>
      </c>
      <c r="B18" s="350"/>
      <c r="C18" s="5"/>
      <c r="D18" s="5"/>
      <c r="E18" s="5"/>
      <c r="F18" s="5"/>
      <c r="G18" s="5"/>
      <c r="H18" s="5"/>
    </row>
    <row r="19" spans="1:8" ht="14.4">
      <c r="A19" s="329"/>
      <c r="B19" s="329"/>
      <c r="C19" s="6"/>
      <c r="D19" s="6"/>
      <c r="E19" s="6"/>
      <c r="F19" s="6"/>
      <c r="G19" s="6"/>
      <c r="H19" s="6"/>
    </row>
    <row r="20" spans="1:8" ht="14.4">
      <c r="A20" s="329"/>
      <c r="B20" s="329"/>
      <c r="C20" s="6"/>
      <c r="D20" s="6"/>
      <c r="E20" s="6"/>
      <c r="F20" s="6"/>
      <c r="G20" s="6"/>
      <c r="H20" s="6"/>
    </row>
    <row r="21" spans="1:8" ht="14.4">
      <c r="A21" s="329"/>
      <c r="B21" s="329"/>
      <c r="C21" s="6"/>
      <c r="D21" s="6"/>
      <c r="E21" s="6"/>
      <c r="F21" s="6"/>
      <c r="G21" s="6"/>
      <c r="H21" s="6"/>
    </row>
    <row r="22" spans="1:8" ht="14.25" customHeight="1">
      <c r="A22" s="350" t="s">
        <v>121</v>
      </c>
      <c r="B22" s="350"/>
      <c r="C22" s="5"/>
      <c r="D22" s="5"/>
      <c r="E22" s="5"/>
      <c r="F22" s="5"/>
      <c r="G22" s="5"/>
      <c r="H22" s="5"/>
    </row>
    <row r="23" spans="1:8" ht="14.25" customHeight="1">
      <c r="A23" s="329"/>
      <c r="B23" s="329"/>
      <c r="C23" s="6"/>
      <c r="D23" s="6"/>
      <c r="E23" s="6"/>
      <c r="F23" s="6"/>
      <c r="G23" s="6"/>
      <c r="H23" s="6"/>
    </row>
    <row r="24" spans="1:8">
      <c r="A24" s="3"/>
      <c r="B24" s="2"/>
      <c r="C24" s="2"/>
      <c r="D24" s="2"/>
      <c r="E24" s="2"/>
      <c r="F24" s="2"/>
      <c r="G24" s="2"/>
      <c r="H24" s="2"/>
    </row>
    <row r="25" spans="1:8">
      <c r="A25" s="3"/>
      <c r="B25" s="2"/>
      <c r="C25" s="2"/>
      <c r="D25" s="2"/>
      <c r="E25" s="2"/>
      <c r="F25" s="2"/>
      <c r="G25" s="2"/>
      <c r="H25" s="2"/>
    </row>
    <row r="26" spans="1:8" ht="14.4">
      <c r="A26" s="352" t="s">
        <v>119</v>
      </c>
      <c r="B26" s="352"/>
      <c r="C26" s="5"/>
      <c r="D26" s="5"/>
      <c r="E26" s="5"/>
      <c r="F26" s="5"/>
      <c r="G26" s="5"/>
      <c r="H26" s="5"/>
    </row>
    <row r="27" spans="1:8" ht="14.4">
      <c r="A27" s="7"/>
      <c r="B27" s="7"/>
      <c r="C27" s="2"/>
      <c r="D27" s="2"/>
      <c r="E27" s="2"/>
      <c r="F27" s="2"/>
      <c r="G27" s="2"/>
      <c r="H27" s="2"/>
    </row>
    <row r="28" spans="1:8">
      <c r="A28" s="3"/>
      <c r="B28" s="2"/>
      <c r="C28" s="2"/>
      <c r="D28" s="2"/>
      <c r="E28" s="2"/>
      <c r="F28" s="2"/>
      <c r="G28" s="2"/>
      <c r="H28" s="2"/>
    </row>
    <row r="29" spans="1:8">
      <c r="A29" s="3"/>
      <c r="B29" s="2"/>
      <c r="C29" s="2"/>
      <c r="D29" s="2"/>
      <c r="E29" s="2"/>
      <c r="F29" s="2"/>
      <c r="G29" s="2"/>
      <c r="H29" s="2"/>
    </row>
    <row r="30" spans="1:8">
      <c r="A30" s="3"/>
      <c r="B30" s="2"/>
      <c r="C30" s="2"/>
      <c r="D30" s="2"/>
      <c r="E30" s="2"/>
      <c r="F30" s="2"/>
      <c r="G30" s="2"/>
      <c r="H30" s="2"/>
    </row>
    <row r="31" spans="1:8" ht="14.4">
      <c r="A31" s="350" t="s">
        <v>120</v>
      </c>
      <c r="B31" s="350"/>
      <c r="C31" s="2"/>
      <c r="D31" s="2"/>
      <c r="E31" s="2"/>
      <c r="F31" s="2"/>
      <c r="G31" s="2"/>
      <c r="H31" s="2"/>
    </row>
    <row r="32" spans="1:8">
      <c r="A32" s="3"/>
      <c r="B32" s="2"/>
      <c r="C32" s="2"/>
      <c r="D32" s="8"/>
      <c r="E32" s="2"/>
      <c r="F32" s="2"/>
      <c r="G32" s="2"/>
      <c r="H32" s="2"/>
    </row>
    <row r="33" spans="1:8">
      <c r="A33" s="3"/>
      <c r="B33" s="2"/>
      <c r="C33" s="2"/>
      <c r="D33" s="2"/>
      <c r="E33" s="2"/>
      <c r="F33" s="2"/>
      <c r="G33" s="2"/>
      <c r="H33" s="2"/>
    </row>
    <row r="34" spans="1:8">
      <c r="A34" s="3"/>
      <c r="B34" s="344" t="s">
        <v>100</v>
      </c>
      <c r="C34" s="344"/>
      <c r="D34" s="344"/>
      <c r="E34" s="353"/>
      <c r="F34" s="353"/>
      <c r="G34" s="353"/>
      <c r="H34" s="353"/>
    </row>
    <row r="35" spans="1:8">
      <c r="A35" s="3"/>
      <c r="B35" s="2"/>
      <c r="C35" s="2"/>
      <c r="D35" s="2"/>
      <c r="E35" s="2"/>
      <c r="F35" s="2"/>
      <c r="G35" s="2"/>
      <c r="H35" s="2"/>
    </row>
    <row r="36" spans="1:8">
      <c r="A36" s="3"/>
      <c r="B36" s="2"/>
      <c r="C36" s="2"/>
      <c r="D36" s="2"/>
      <c r="E36" s="2"/>
      <c r="F36" s="2"/>
      <c r="G36" s="2"/>
      <c r="H36" s="2"/>
    </row>
    <row r="37" spans="1:8">
      <c r="A37" s="3"/>
      <c r="B37" s="2"/>
      <c r="C37" s="2"/>
      <c r="D37" s="2"/>
      <c r="E37" s="2"/>
      <c r="F37" s="2"/>
      <c r="G37" s="2"/>
      <c r="H37" s="2"/>
    </row>
    <row r="38" spans="1:8">
      <c r="A38" s="2"/>
      <c r="B38" s="344" t="s">
        <v>101</v>
      </c>
      <c r="C38" s="344"/>
      <c r="D38" s="344"/>
      <c r="E38" s="5"/>
      <c r="F38" s="5"/>
      <c r="G38" s="5"/>
      <c r="H38" s="5"/>
    </row>
    <row r="39" spans="1:8">
      <c r="A39" s="3"/>
      <c r="B39" s="2"/>
      <c r="C39" s="2"/>
      <c r="D39" s="2"/>
      <c r="E39" s="2"/>
      <c r="F39" s="2"/>
      <c r="G39" s="2"/>
      <c r="H39" s="2"/>
    </row>
    <row r="40" spans="1:8">
      <c r="A40" s="3"/>
      <c r="B40" s="2"/>
      <c r="C40" s="2"/>
      <c r="D40" s="2"/>
      <c r="E40" s="2"/>
      <c r="F40" s="2"/>
      <c r="G40" s="2"/>
      <c r="H40" s="2"/>
    </row>
    <row r="41" spans="1:8">
      <c r="A41" s="3"/>
      <c r="B41" s="2"/>
      <c r="C41" s="2"/>
      <c r="D41" s="2"/>
      <c r="E41" s="2"/>
      <c r="F41" s="2"/>
      <c r="G41" s="2"/>
      <c r="H41" s="2"/>
    </row>
    <row r="42" spans="1:8">
      <c r="A42" s="2"/>
      <c r="B42" s="344" t="s">
        <v>102</v>
      </c>
      <c r="C42" s="344"/>
      <c r="D42" s="344"/>
      <c r="E42" s="5"/>
      <c r="F42" s="5"/>
      <c r="G42" s="5"/>
      <c r="H42" s="5"/>
    </row>
    <row r="43" spans="1:8">
      <c r="A43" s="3"/>
      <c r="B43" s="2"/>
      <c r="C43" s="2"/>
      <c r="D43" s="2"/>
      <c r="E43" s="2"/>
      <c r="F43" s="2"/>
      <c r="G43" s="2"/>
      <c r="H43" s="2"/>
    </row>
    <row r="44" spans="1:8">
      <c r="A44" s="3"/>
      <c r="B44" s="2"/>
      <c r="C44" s="2"/>
      <c r="D44" s="2"/>
      <c r="E44" s="2"/>
      <c r="F44" s="2"/>
      <c r="G44" s="2"/>
      <c r="H44" s="2"/>
    </row>
    <row r="45" spans="1:8">
      <c r="A45" s="3"/>
      <c r="B45" s="2"/>
      <c r="C45" s="2"/>
      <c r="D45" s="2"/>
      <c r="E45" s="2"/>
      <c r="F45" s="2"/>
      <c r="G45" s="2"/>
      <c r="H45" s="2"/>
    </row>
    <row r="46" spans="1:8">
      <c r="A46" s="3"/>
      <c r="B46" s="2"/>
      <c r="C46" s="2"/>
      <c r="D46" s="2"/>
      <c r="E46" s="5"/>
      <c r="F46" s="5"/>
      <c r="G46" s="5"/>
      <c r="H46" s="5"/>
    </row>
    <row r="47" spans="1:8">
      <c r="A47" s="3"/>
      <c r="B47" s="2"/>
      <c r="C47" s="2"/>
      <c r="D47" s="2"/>
      <c r="E47" s="2"/>
      <c r="F47" s="2"/>
      <c r="G47" s="2"/>
      <c r="H47" s="2"/>
    </row>
    <row r="48" spans="1:8">
      <c r="A48" s="3"/>
      <c r="B48" s="2"/>
      <c r="C48" s="2"/>
      <c r="D48" s="2"/>
      <c r="E48" s="2"/>
      <c r="F48" s="2"/>
      <c r="G48" s="2"/>
      <c r="H48" s="2"/>
    </row>
    <row r="49" spans="1:8">
      <c r="A49" s="3"/>
      <c r="B49" s="2"/>
      <c r="C49" s="2"/>
      <c r="D49" s="2"/>
      <c r="E49" s="2"/>
      <c r="F49" s="2"/>
      <c r="G49" s="2"/>
      <c r="H49" s="2"/>
    </row>
    <row r="50" spans="1:8">
      <c r="A50" s="3"/>
      <c r="B50" s="2"/>
      <c r="C50" s="2"/>
      <c r="D50" s="2"/>
      <c r="E50" s="5"/>
      <c r="F50" s="5"/>
      <c r="G50" s="5"/>
      <c r="H50" s="5"/>
    </row>
    <row r="51" spans="1:8">
      <c r="A51" s="3"/>
      <c r="B51" s="2"/>
      <c r="C51" s="2"/>
      <c r="D51" s="2"/>
      <c r="E51" s="2"/>
      <c r="F51" s="2"/>
      <c r="G51" s="2"/>
      <c r="H51" s="2"/>
    </row>
    <row r="52" spans="1:8">
      <c r="A52" s="3"/>
      <c r="B52" s="2"/>
      <c r="C52" s="2"/>
      <c r="D52" s="2"/>
      <c r="E52" s="2"/>
      <c r="F52" s="2"/>
      <c r="G52" s="2"/>
      <c r="H52" s="2"/>
    </row>
    <row r="53" spans="1:8" ht="14.4">
      <c r="A53" s="14"/>
      <c r="B53" s="14"/>
      <c r="C53" s="14"/>
      <c r="D53" s="14"/>
      <c r="E53" s="2"/>
      <c r="F53" s="2"/>
      <c r="G53" s="2"/>
      <c r="H53" s="2"/>
    </row>
    <row r="54" spans="1:8">
      <c r="A54" s="3"/>
      <c r="B54" s="2"/>
      <c r="C54" s="2"/>
      <c r="D54" s="2"/>
      <c r="E54" s="5"/>
      <c r="F54" s="5"/>
      <c r="G54" s="5"/>
      <c r="H54" s="5"/>
    </row>
    <row r="55" spans="1:8" ht="14.4">
      <c r="A55" s="14"/>
      <c r="B55" s="14"/>
      <c r="C55" s="14"/>
      <c r="D55" s="14"/>
      <c r="E55" s="2"/>
      <c r="F55" s="2"/>
      <c r="G55" s="2"/>
      <c r="H55" s="2"/>
    </row>
    <row r="56" spans="1:8">
      <c r="A56" s="3"/>
      <c r="B56" s="2"/>
      <c r="C56" s="2"/>
      <c r="D56" s="2"/>
      <c r="E56" s="2"/>
      <c r="F56" s="2"/>
      <c r="G56" s="2"/>
      <c r="H56" s="2"/>
    </row>
    <row r="57" spans="1:8">
      <c r="E57" s="2"/>
      <c r="F57" s="2"/>
      <c r="G57" s="2"/>
      <c r="H57" s="2"/>
    </row>
    <row r="58" spans="1:8">
      <c r="E58" s="5"/>
      <c r="F58" s="5"/>
      <c r="G58" s="5"/>
      <c r="H58" s="5"/>
    </row>
  </sheetData>
  <mergeCells count="12">
    <mergeCell ref="B42:D42"/>
    <mergeCell ref="D3:E4"/>
    <mergeCell ref="A9:I9"/>
    <mergeCell ref="A11:I11"/>
    <mergeCell ref="A13:H13"/>
    <mergeCell ref="A18:B18"/>
    <mergeCell ref="A22:B22"/>
    <mergeCell ref="A26:B26"/>
    <mergeCell ref="A31:B31"/>
    <mergeCell ref="B34:D34"/>
    <mergeCell ref="E34:H34"/>
    <mergeCell ref="B38:D38"/>
  </mergeCells>
  <phoneticPr fontId="12"/>
  <printOptions horizontalCentered="1"/>
  <pageMargins left="0.70866141732283472" right="0.70866141732283472" top="0.74803149606299213" bottom="0.74803149606299213" header="0.31496062992125984" footer="0.31496062992125984"/>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G392"/>
  <sheetViews>
    <sheetView showGridLines="0" view="pageBreakPreview" zoomScale="130" zoomScaleNormal="100" zoomScaleSheetLayoutView="130" workbookViewId="0">
      <selection activeCell="D11" sqref="D11:D12"/>
    </sheetView>
  </sheetViews>
  <sheetFormatPr defaultColWidth="9" defaultRowHeight="12" outlineLevelRow="1"/>
  <cols>
    <col min="1" max="1" width="3.21875" style="9" customWidth="1"/>
    <col min="2" max="2" width="0.77734375" style="9" customWidth="1"/>
    <col min="3" max="3" width="16.44140625" style="34" customWidth="1"/>
    <col min="4" max="4" width="63.44140625" style="34" customWidth="1"/>
    <col min="5" max="5" width="5.6640625" style="35" customWidth="1"/>
    <col min="6" max="6" width="2.6640625" style="35" customWidth="1"/>
    <col min="7" max="7" width="0.88671875" style="9" customWidth="1"/>
    <col min="8" max="16384" width="9" style="9"/>
  </cols>
  <sheetData>
    <row r="2" spans="3:6">
      <c r="C2" s="33" t="s">
        <v>104</v>
      </c>
    </row>
    <row r="3" spans="3:6" ht="12.6" thickBot="1">
      <c r="C3" s="36" t="s">
        <v>103</v>
      </c>
    </row>
    <row r="4" spans="3:6" ht="12" customHeight="1" outlineLevel="1">
      <c r="C4" s="368" t="s">
        <v>23</v>
      </c>
      <c r="D4" s="370" t="s">
        <v>24</v>
      </c>
      <c r="E4" s="334" t="s">
        <v>125</v>
      </c>
      <c r="F4" s="361" t="s">
        <v>81</v>
      </c>
    </row>
    <row r="5" spans="3:6" outlineLevel="1">
      <c r="C5" s="369"/>
      <c r="D5" s="371"/>
      <c r="E5" s="172" t="s">
        <v>135</v>
      </c>
      <c r="F5" s="362"/>
    </row>
    <row r="6" spans="3:6" ht="12" customHeight="1" outlineLevel="1">
      <c r="C6" s="12" t="s">
        <v>490</v>
      </c>
      <c r="D6" s="37" t="s">
        <v>582</v>
      </c>
      <c r="E6" s="10"/>
      <c r="F6" s="363" t="s">
        <v>111</v>
      </c>
    </row>
    <row r="7" spans="3:6" ht="12" customHeight="1" outlineLevel="1">
      <c r="C7" s="40"/>
      <c r="D7" s="38" t="s">
        <v>873</v>
      </c>
      <c r="E7" s="15" t="s">
        <v>111</v>
      </c>
      <c r="F7" s="360"/>
    </row>
    <row r="8" spans="3:6" ht="12" customHeight="1" outlineLevel="1" thickBot="1">
      <c r="C8" s="42"/>
      <c r="D8" s="173"/>
      <c r="E8" s="44" t="s">
        <v>111</v>
      </c>
      <c r="F8" s="45"/>
    </row>
    <row r="10" spans="3:6" ht="12.6" thickBot="1">
      <c r="C10" s="36" t="s">
        <v>126</v>
      </c>
    </row>
    <row r="11" spans="3:6" ht="12" customHeight="1" outlineLevel="1">
      <c r="C11" s="368" t="s">
        <v>23</v>
      </c>
      <c r="D11" s="370" t="s">
        <v>24</v>
      </c>
      <c r="E11" s="334" t="s">
        <v>125</v>
      </c>
      <c r="F11" s="361" t="s">
        <v>81</v>
      </c>
    </row>
    <row r="12" spans="3:6" outlineLevel="1">
      <c r="C12" s="369"/>
      <c r="D12" s="371"/>
      <c r="E12" s="172" t="s">
        <v>135</v>
      </c>
      <c r="F12" s="362"/>
    </row>
    <row r="13" spans="3:6" ht="12" customHeight="1" outlineLevel="1">
      <c r="C13" s="50" t="s">
        <v>127</v>
      </c>
      <c r="D13" s="47" t="s">
        <v>583</v>
      </c>
      <c r="E13" s="72"/>
      <c r="F13" s="363" t="s">
        <v>111</v>
      </c>
    </row>
    <row r="14" spans="3:6" ht="19.2" outlineLevel="1">
      <c r="C14" s="50"/>
      <c r="D14" s="49" t="s">
        <v>357</v>
      </c>
      <c r="E14" s="15" t="s">
        <v>111</v>
      </c>
      <c r="F14" s="354"/>
    </row>
    <row r="15" spans="3:6" outlineLevel="1">
      <c r="C15" s="54"/>
      <c r="D15" s="49"/>
      <c r="E15" s="16"/>
      <c r="F15" s="354"/>
    </row>
    <row r="16" spans="3:6" ht="12" customHeight="1" outlineLevel="1">
      <c r="C16" s="54" t="s">
        <v>128</v>
      </c>
      <c r="D16" s="49" t="s">
        <v>358</v>
      </c>
      <c r="E16" s="15" t="s">
        <v>111</v>
      </c>
      <c r="F16" s="354"/>
    </row>
    <row r="17" spans="3:6" outlineLevel="1">
      <c r="C17" s="54"/>
      <c r="D17" s="55"/>
      <c r="E17" s="16"/>
      <c r="F17" s="354"/>
    </row>
    <row r="18" spans="3:6" ht="19.2" outlineLevel="1">
      <c r="C18" s="54" t="s">
        <v>129</v>
      </c>
      <c r="D18" s="174" t="s">
        <v>359</v>
      </c>
      <c r="E18" s="322" t="s">
        <v>111</v>
      </c>
      <c r="F18" s="354"/>
    </row>
    <row r="19" spans="3:6" outlineLevel="1">
      <c r="C19" s="54"/>
      <c r="D19" s="55"/>
      <c r="E19" s="16"/>
      <c r="F19" s="354"/>
    </row>
    <row r="20" spans="3:6" ht="24.9" customHeight="1" outlineLevel="1">
      <c r="C20" s="12" t="s">
        <v>130</v>
      </c>
      <c r="D20" s="174" t="s">
        <v>584</v>
      </c>
      <c r="E20" s="15" t="s">
        <v>111</v>
      </c>
      <c r="F20" s="354"/>
    </row>
    <row r="21" spans="3:6" ht="19.2" outlineLevel="1">
      <c r="C21" s="12"/>
      <c r="D21" s="174" t="s">
        <v>585</v>
      </c>
      <c r="E21" s="15" t="s">
        <v>111</v>
      </c>
      <c r="F21" s="360"/>
    </row>
    <row r="22" spans="3:6" ht="12" customHeight="1" outlineLevel="1" thickBot="1">
      <c r="C22" s="111"/>
      <c r="D22" s="175"/>
      <c r="E22" s="44" t="s">
        <v>111</v>
      </c>
      <c r="F22" s="45"/>
    </row>
    <row r="23" spans="3:6" outlineLevel="1">
      <c r="C23" s="59"/>
      <c r="D23" s="60"/>
      <c r="E23" s="61"/>
      <c r="F23" s="61"/>
    </row>
    <row r="24" spans="3:6" ht="12.6" thickBot="1">
      <c r="C24" s="62" t="s">
        <v>496</v>
      </c>
      <c r="D24" s="63"/>
      <c r="E24" s="64"/>
      <c r="F24" s="64"/>
    </row>
    <row r="25" spans="3:6" ht="12" customHeight="1" outlineLevel="1">
      <c r="C25" s="368" t="s">
        <v>23</v>
      </c>
      <c r="D25" s="370" t="s">
        <v>24</v>
      </c>
      <c r="E25" s="334" t="s">
        <v>125</v>
      </c>
      <c r="F25" s="361" t="s">
        <v>81</v>
      </c>
    </row>
    <row r="26" spans="3:6" outlineLevel="1">
      <c r="C26" s="369"/>
      <c r="D26" s="371"/>
      <c r="E26" s="172" t="s">
        <v>135</v>
      </c>
      <c r="F26" s="362"/>
    </row>
    <row r="27" spans="3:6" ht="12" customHeight="1" outlineLevel="1">
      <c r="C27" s="12" t="s">
        <v>261</v>
      </c>
      <c r="D27" s="65" t="s">
        <v>262</v>
      </c>
      <c r="E27" s="72"/>
      <c r="F27" s="331"/>
    </row>
    <row r="28" spans="3:6" ht="12" customHeight="1" outlineLevel="1">
      <c r="C28" s="54"/>
      <c r="D28" s="66"/>
      <c r="E28" s="16"/>
      <c r="F28" s="67"/>
    </row>
    <row r="29" spans="3:6" ht="12" customHeight="1" outlineLevel="1">
      <c r="C29" s="54" t="s">
        <v>66</v>
      </c>
      <c r="D29" s="66" t="s">
        <v>184</v>
      </c>
      <c r="E29" s="15" t="s">
        <v>111</v>
      </c>
      <c r="F29" s="68" t="s">
        <v>111</v>
      </c>
    </row>
    <row r="30" spans="3:6" ht="12" customHeight="1" outlineLevel="1">
      <c r="C30" s="54"/>
      <c r="D30" s="66"/>
      <c r="E30" s="16"/>
      <c r="F30" s="67"/>
    </row>
    <row r="31" spans="3:6" ht="12" customHeight="1" outlineLevel="1">
      <c r="C31" s="50" t="s">
        <v>73</v>
      </c>
      <c r="D31" s="99" t="s">
        <v>404</v>
      </c>
      <c r="E31" s="52"/>
      <c r="F31" s="391"/>
    </row>
    <row r="32" spans="3:6" ht="12" customHeight="1" outlineLevel="1">
      <c r="C32" s="50"/>
      <c r="D32" s="66" t="s">
        <v>445</v>
      </c>
      <c r="E32" s="15" t="s">
        <v>111</v>
      </c>
      <c r="F32" s="392"/>
    </row>
    <row r="33" spans="3:6" ht="12" customHeight="1" outlineLevel="1">
      <c r="C33" s="50"/>
      <c r="D33" s="66" t="s">
        <v>444</v>
      </c>
      <c r="E33" s="15" t="s">
        <v>111</v>
      </c>
      <c r="F33" s="392"/>
    </row>
    <row r="34" spans="3:6" ht="12" customHeight="1" outlineLevel="1">
      <c r="C34" s="50"/>
      <c r="D34" s="70" t="s">
        <v>74</v>
      </c>
      <c r="E34" s="15" t="s">
        <v>111</v>
      </c>
      <c r="F34" s="393"/>
    </row>
    <row r="35" spans="3:6" ht="12" customHeight="1" outlineLevel="1">
      <c r="C35" s="54"/>
      <c r="D35" s="18"/>
      <c r="E35" s="16"/>
      <c r="F35" s="176"/>
    </row>
    <row r="36" spans="3:6" ht="12" customHeight="1" outlineLevel="1">
      <c r="C36" s="54" t="s">
        <v>356</v>
      </c>
      <c r="D36" s="18" t="s">
        <v>355</v>
      </c>
      <c r="E36" s="15" t="s">
        <v>111</v>
      </c>
      <c r="F36" s="68" t="s">
        <v>111</v>
      </c>
    </row>
    <row r="37" spans="3:6" ht="12" customHeight="1" outlineLevel="1">
      <c r="C37" s="54"/>
      <c r="D37" s="18"/>
      <c r="E37" s="16"/>
      <c r="F37" s="67"/>
    </row>
    <row r="38" spans="3:6" ht="12" customHeight="1" outlineLevel="1">
      <c r="C38" s="54" t="s">
        <v>497</v>
      </c>
      <c r="D38" s="18" t="s">
        <v>416</v>
      </c>
      <c r="E38" s="15" t="s">
        <v>111</v>
      </c>
      <c r="F38" s="68" t="s">
        <v>111</v>
      </c>
    </row>
    <row r="39" spans="3:6" ht="12" customHeight="1" outlineLevel="1">
      <c r="C39" s="54"/>
      <c r="D39" s="18"/>
      <c r="E39" s="16"/>
      <c r="F39" s="67"/>
    </row>
    <row r="40" spans="3:6" ht="12" customHeight="1" outlineLevel="1">
      <c r="C40" s="50" t="s">
        <v>67</v>
      </c>
      <c r="D40" s="18" t="s">
        <v>185</v>
      </c>
      <c r="E40" s="16"/>
      <c r="F40" s="358" t="s">
        <v>111</v>
      </c>
    </row>
    <row r="41" spans="3:6" ht="12" customHeight="1" outlineLevel="1">
      <c r="C41" s="50"/>
      <c r="D41" s="18" t="s">
        <v>466</v>
      </c>
      <c r="E41" s="15" t="s">
        <v>111</v>
      </c>
      <c r="F41" s="354"/>
    </row>
    <row r="42" spans="3:6" ht="12" customHeight="1" outlineLevel="1">
      <c r="C42" s="50"/>
      <c r="D42" s="18" t="s">
        <v>417</v>
      </c>
      <c r="E42" s="15" t="s">
        <v>111</v>
      </c>
      <c r="F42" s="354"/>
    </row>
    <row r="43" spans="3:6" ht="12" customHeight="1" outlineLevel="1">
      <c r="C43" s="54"/>
      <c r="D43" s="18"/>
      <c r="E43" s="16"/>
      <c r="F43" s="86"/>
    </row>
    <row r="44" spans="3:6" ht="12" customHeight="1" outlineLevel="1">
      <c r="C44" s="50" t="s">
        <v>70</v>
      </c>
      <c r="D44" s="18" t="s">
        <v>498</v>
      </c>
      <c r="E44" s="16"/>
      <c r="F44" s="358" t="s">
        <v>111</v>
      </c>
    </row>
    <row r="45" spans="3:6" ht="12" customHeight="1" outlineLevel="1">
      <c r="C45" s="50"/>
      <c r="D45" s="18" t="s">
        <v>466</v>
      </c>
      <c r="E45" s="15" t="s">
        <v>111</v>
      </c>
      <c r="F45" s="354"/>
    </row>
    <row r="46" spans="3:6" ht="12" customHeight="1" outlineLevel="1">
      <c r="C46" s="50"/>
      <c r="D46" s="18" t="s">
        <v>75</v>
      </c>
      <c r="E46" s="15" t="s">
        <v>111</v>
      </c>
      <c r="F46" s="360"/>
    </row>
    <row r="47" spans="3:6" ht="12" customHeight="1" outlineLevel="1">
      <c r="C47" s="54"/>
      <c r="D47" s="18"/>
      <c r="E47" s="16"/>
      <c r="F47" s="86"/>
    </row>
    <row r="48" spans="3:6" ht="12" customHeight="1" outlineLevel="1">
      <c r="C48" s="50" t="s">
        <v>96</v>
      </c>
      <c r="D48" s="18" t="s">
        <v>186</v>
      </c>
      <c r="E48" s="16"/>
      <c r="F48" s="358" t="s">
        <v>111</v>
      </c>
    </row>
    <row r="49" spans="3:6" ht="12" customHeight="1" outlineLevel="1">
      <c r="C49" s="50"/>
      <c r="D49" s="18" t="s">
        <v>466</v>
      </c>
      <c r="E49" s="15" t="s">
        <v>111</v>
      </c>
      <c r="F49" s="354"/>
    </row>
    <row r="50" spans="3:6" ht="12" customHeight="1" outlineLevel="1">
      <c r="C50" s="50"/>
      <c r="D50" s="18" t="s">
        <v>97</v>
      </c>
      <c r="E50" s="15" t="s">
        <v>111</v>
      </c>
      <c r="F50" s="354"/>
    </row>
    <row r="51" spans="3:6" ht="12" customHeight="1" outlineLevel="1">
      <c r="C51" s="50"/>
      <c r="D51" s="18" t="s">
        <v>263</v>
      </c>
      <c r="E51" s="15" t="s">
        <v>111</v>
      </c>
      <c r="F51" s="360"/>
    </row>
    <row r="52" spans="3:6" ht="12" customHeight="1" outlineLevel="1">
      <c r="C52" s="54"/>
      <c r="D52" s="18"/>
      <c r="E52" s="16"/>
      <c r="F52" s="86"/>
    </row>
    <row r="53" spans="3:6" ht="12" customHeight="1" outlineLevel="1">
      <c r="C53" s="50" t="s">
        <v>95</v>
      </c>
      <c r="D53" s="18" t="s">
        <v>499</v>
      </c>
      <c r="E53" s="16"/>
      <c r="F53" s="358" t="s">
        <v>111</v>
      </c>
    </row>
    <row r="54" spans="3:6" ht="12" customHeight="1" outlineLevel="1">
      <c r="C54" s="50"/>
      <c r="D54" s="18" t="s">
        <v>466</v>
      </c>
      <c r="E54" s="15" t="s">
        <v>111</v>
      </c>
      <c r="F54" s="354"/>
    </row>
    <row r="55" spans="3:6" ht="12" customHeight="1" outlineLevel="1">
      <c r="C55" s="50"/>
      <c r="D55" s="18" t="s">
        <v>99</v>
      </c>
      <c r="E55" s="15" t="s">
        <v>111</v>
      </c>
      <c r="F55" s="354"/>
    </row>
    <row r="56" spans="3:6" ht="12" customHeight="1" outlineLevel="1">
      <c r="C56" s="50"/>
      <c r="D56" s="18" t="s">
        <v>98</v>
      </c>
      <c r="E56" s="15" t="s">
        <v>111</v>
      </c>
      <c r="F56" s="360"/>
    </row>
    <row r="57" spans="3:6" ht="12" customHeight="1" outlineLevel="1" thickBot="1">
      <c r="C57" s="111"/>
      <c r="D57" s="30"/>
      <c r="E57" s="44"/>
      <c r="F57" s="45"/>
    </row>
    <row r="58" spans="3:6" ht="13.5" customHeight="1" outlineLevel="1">
      <c r="C58" s="63"/>
      <c r="D58" s="75"/>
      <c r="E58" s="64"/>
      <c r="F58" s="64"/>
    </row>
    <row r="59" spans="3:6" ht="13.5" customHeight="1">
      <c r="C59" s="76" t="s">
        <v>504</v>
      </c>
    </row>
    <row r="60" spans="3:6" ht="13.5" customHeight="1">
      <c r="C60" s="36" t="s">
        <v>505</v>
      </c>
    </row>
    <row r="61" spans="3:6" ht="14.25" customHeight="1" thickBot="1">
      <c r="C61" s="77" t="s">
        <v>136</v>
      </c>
    </row>
    <row r="62" spans="3:6" ht="13.5" customHeight="1">
      <c r="C62" s="368" t="s">
        <v>23</v>
      </c>
      <c r="D62" s="370" t="s">
        <v>24</v>
      </c>
      <c r="E62" s="334" t="s">
        <v>125</v>
      </c>
      <c r="F62" s="361" t="s">
        <v>81</v>
      </c>
    </row>
    <row r="63" spans="3:6" ht="13.5" customHeight="1">
      <c r="C63" s="369"/>
      <c r="D63" s="371"/>
      <c r="E63" s="172" t="s">
        <v>135</v>
      </c>
      <c r="F63" s="362"/>
    </row>
    <row r="64" spans="3:6" ht="12" customHeight="1">
      <c r="C64" s="140" t="s">
        <v>3</v>
      </c>
      <c r="D64" s="180" t="s">
        <v>858</v>
      </c>
      <c r="E64" s="72"/>
      <c r="F64" s="363" t="s">
        <v>111</v>
      </c>
    </row>
    <row r="65" spans="3:6" ht="12" customHeight="1">
      <c r="C65" s="50"/>
      <c r="D65" s="80" t="s">
        <v>847</v>
      </c>
      <c r="E65" s="72"/>
      <c r="F65" s="399"/>
    </row>
    <row r="66" spans="3:6" ht="12" customHeight="1">
      <c r="C66" s="54"/>
      <c r="D66" s="20" t="s">
        <v>360</v>
      </c>
      <c r="E66" s="15" t="s">
        <v>111</v>
      </c>
      <c r="F66" s="399"/>
    </row>
    <row r="67" spans="3:6" ht="12" customHeight="1">
      <c r="C67" s="54"/>
      <c r="D67" s="20" t="s">
        <v>586</v>
      </c>
      <c r="E67" s="15" t="s">
        <v>111</v>
      </c>
      <c r="F67" s="399"/>
    </row>
    <row r="68" spans="3:6" ht="12" customHeight="1">
      <c r="C68" s="54"/>
      <c r="D68" s="20" t="s">
        <v>361</v>
      </c>
      <c r="E68" s="15" t="s">
        <v>111</v>
      </c>
      <c r="F68" s="359"/>
    </row>
    <row r="69" spans="3:6" ht="12" customHeight="1">
      <c r="C69" s="54"/>
      <c r="D69" s="21"/>
      <c r="E69" s="16"/>
      <c r="F69" s="67"/>
    </row>
    <row r="70" spans="3:6" ht="12" customHeight="1">
      <c r="C70" s="54" t="s">
        <v>4</v>
      </c>
      <c r="D70" s="21"/>
      <c r="E70" s="16"/>
      <c r="F70" s="358" t="s">
        <v>111</v>
      </c>
    </row>
    <row r="71" spans="3:6" ht="12" customHeight="1">
      <c r="C71" s="92" t="s">
        <v>5</v>
      </c>
      <c r="D71" s="21" t="s">
        <v>362</v>
      </c>
      <c r="E71" s="15" t="s">
        <v>111</v>
      </c>
      <c r="F71" s="354"/>
    </row>
    <row r="72" spans="3:6" ht="12" customHeight="1">
      <c r="C72" s="40"/>
      <c r="D72" s="21" t="s">
        <v>459</v>
      </c>
      <c r="E72" s="15" t="s">
        <v>111</v>
      </c>
      <c r="F72" s="354"/>
    </row>
    <row r="73" spans="3:6" ht="12" customHeight="1">
      <c r="C73" s="54" t="s">
        <v>6</v>
      </c>
      <c r="D73" s="21" t="s">
        <v>193</v>
      </c>
      <c r="E73" s="15" t="s">
        <v>111</v>
      </c>
      <c r="F73" s="354"/>
    </row>
    <row r="74" spans="3:6" ht="12" customHeight="1">
      <c r="C74" s="54"/>
      <c r="D74" s="21"/>
      <c r="E74" s="16"/>
      <c r="F74" s="67"/>
    </row>
    <row r="75" spans="3:6" ht="12" customHeight="1">
      <c r="C75" s="54" t="s">
        <v>507</v>
      </c>
      <c r="D75" s="21" t="s">
        <v>195</v>
      </c>
      <c r="E75" s="15" t="s">
        <v>111</v>
      </c>
      <c r="F75" s="354" t="s">
        <v>111</v>
      </c>
    </row>
    <row r="76" spans="3:6" ht="12" customHeight="1">
      <c r="C76" s="54" t="s">
        <v>405</v>
      </c>
      <c r="D76" s="21" t="s">
        <v>363</v>
      </c>
      <c r="E76" s="15" t="s">
        <v>111</v>
      </c>
      <c r="F76" s="354"/>
    </row>
    <row r="77" spans="3:6" ht="12" customHeight="1">
      <c r="C77" s="54" t="s">
        <v>7</v>
      </c>
      <c r="D77" s="21" t="s">
        <v>364</v>
      </c>
      <c r="E77" s="15" t="s">
        <v>111</v>
      </c>
      <c r="F77" s="354"/>
    </row>
    <row r="78" spans="3:6" ht="12" customHeight="1">
      <c r="C78" s="54"/>
      <c r="D78" s="25"/>
      <c r="E78" s="16"/>
      <c r="F78" s="67"/>
    </row>
    <row r="79" spans="3:6" ht="24.9" customHeight="1">
      <c r="C79" s="32" t="s">
        <v>392</v>
      </c>
      <c r="D79" s="21" t="s">
        <v>587</v>
      </c>
      <c r="E79" s="15" t="s">
        <v>111</v>
      </c>
      <c r="F79" s="332"/>
    </row>
    <row r="80" spans="3:6" ht="12" customHeight="1" thickBot="1">
      <c r="C80" s="42"/>
      <c r="D80" s="24"/>
      <c r="E80" s="44"/>
      <c r="F80" s="45"/>
    </row>
    <row r="82" spans="3:6" ht="12.6" thickBot="1">
      <c r="C82" s="36" t="s">
        <v>137</v>
      </c>
    </row>
    <row r="83" spans="3:6">
      <c r="C83" s="368" t="s">
        <v>23</v>
      </c>
      <c r="D83" s="370" t="s">
        <v>24</v>
      </c>
      <c r="E83" s="334" t="s">
        <v>125</v>
      </c>
      <c r="F83" s="361" t="s">
        <v>81</v>
      </c>
    </row>
    <row r="84" spans="3:6">
      <c r="C84" s="369"/>
      <c r="D84" s="371"/>
      <c r="E84" s="172" t="s">
        <v>135</v>
      </c>
      <c r="F84" s="362"/>
    </row>
    <row r="85" spans="3:6" ht="12" customHeight="1">
      <c r="C85" s="50" t="s">
        <v>345</v>
      </c>
      <c r="D85" s="80"/>
      <c r="E85" s="52"/>
      <c r="F85" s="354" t="s">
        <v>111</v>
      </c>
    </row>
    <row r="86" spans="3:6" ht="12" customHeight="1">
      <c r="C86" s="54" t="s">
        <v>11</v>
      </c>
      <c r="D86" s="21" t="s">
        <v>268</v>
      </c>
      <c r="E86" s="15" t="s">
        <v>111</v>
      </c>
      <c r="F86" s="354"/>
    </row>
    <row r="87" spans="3:6" ht="12" customHeight="1">
      <c r="C87" s="54" t="s">
        <v>122</v>
      </c>
      <c r="D87" s="177" t="s">
        <v>268</v>
      </c>
      <c r="E87" s="15" t="s">
        <v>111</v>
      </c>
      <c r="F87" s="354"/>
    </row>
    <row r="88" spans="3:6" ht="12" customHeight="1">
      <c r="C88" s="54"/>
      <c r="D88" s="21"/>
      <c r="E88" s="16"/>
      <c r="F88" s="67"/>
    </row>
    <row r="89" spans="3:6" ht="12" customHeight="1">
      <c r="C89" s="54" t="s">
        <v>13</v>
      </c>
      <c r="D89" s="21"/>
      <c r="E89" s="16"/>
      <c r="F89" s="358" t="s">
        <v>111</v>
      </c>
    </row>
    <row r="90" spans="3:6" ht="12" customHeight="1">
      <c r="C90" s="54" t="s">
        <v>354</v>
      </c>
      <c r="D90" s="21" t="s">
        <v>521</v>
      </c>
      <c r="E90" s="15" t="s">
        <v>111</v>
      </c>
      <c r="F90" s="354"/>
    </row>
    <row r="91" spans="3:6" ht="12" customHeight="1">
      <c r="C91" s="54" t="s">
        <v>344</v>
      </c>
      <c r="D91" s="21" t="s">
        <v>588</v>
      </c>
      <c r="E91" s="15" t="s">
        <v>111</v>
      </c>
      <c r="F91" s="354"/>
    </row>
    <row r="92" spans="3:6" ht="24.9" customHeight="1">
      <c r="C92" s="93" t="s">
        <v>109</v>
      </c>
      <c r="D92" s="21" t="s">
        <v>527</v>
      </c>
      <c r="E92" s="15" t="s">
        <v>111</v>
      </c>
      <c r="F92" s="354"/>
    </row>
    <row r="93" spans="3:6" ht="24.9" customHeight="1">
      <c r="C93" s="54" t="s">
        <v>29</v>
      </c>
      <c r="D93" s="21" t="s">
        <v>528</v>
      </c>
      <c r="E93" s="15" t="s">
        <v>111</v>
      </c>
      <c r="F93" s="360"/>
    </row>
    <row r="94" spans="3:6" ht="12" customHeight="1">
      <c r="C94" s="54"/>
      <c r="D94" s="21"/>
      <c r="E94" s="16"/>
      <c r="F94" s="67"/>
    </row>
    <row r="95" spans="3:6" ht="12" customHeight="1">
      <c r="C95" s="96" t="s">
        <v>21</v>
      </c>
      <c r="D95" s="21"/>
      <c r="E95" s="16"/>
      <c r="F95" s="358" t="s">
        <v>111</v>
      </c>
    </row>
    <row r="96" spans="3:6" ht="12" customHeight="1">
      <c r="C96" s="54" t="s">
        <v>15</v>
      </c>
      <c r="D96" s="21" t="s">
        <v>589</v>
      </c>
      <c r="E96" s="15" t="s">
        <v>111</v>
      </c>
      <c r="F96" s="354"/>
    </row>
    <row r="97" spans="3:6" ht="12" customHeight="1">
      <c r="C97" s="54" t="s">
        <v>16</v>
      </c>
      <c r="D97" s="21" t="s">
        <v>590</v>
      </c>
      <c r="E97" s="15" t="s">
        <v>111</v>
      </c>
      <c r="F97" s="360"/>
    </row>
    <row r="98" spans="3:6" ht="12" customHeight="1">
      <c r="C98" s="54"/>
      <c r="D98" s="177"/>
      <c r="E98" s="16"/>
      <c r="F98" s="67"/>
    </row>
    <row r="99" spans="3:6" ht="24.9" customHeight="1">
      <c r="C99" s="96" t="s">
        <v>394</v>
      </c>
      <c r="D99" s="21" t="s">
        <v>587</v>
      </c>
      <c r="E99" s="15" t="s">
        <v>111</v>
      </c>
      <c r="F99" s="332"/>
    </row>
    <row r="100" spans="3:6" ht="12" customHeight="1" thickBot="1">
      <c r="C100" s="42"/>
      <c r="D100" s="24"/>
      <c r="E100" s="44"/>
      <c r="F100" s="45"/>
    </row>
    <row r="102" spans="3:6" ht="12.6" thickBot="1">
      <c r="C102" s="36" t="s">
        <v>140</v>
      </c>
    </row>
    <row r="103" spans="3:6">
      <c r="C103" s="368" t="s">
        <v>23</v>
      </c>
      <c r="D103" s="370" t="s">
        <v>24</v>
      </c>
      <c r="E103" s="334" t="s">
        <v>125</v>
      </c>
      <c r="F103" s="361" t="s">
        <v>81</v>
      </c>
    </row>
    <row r="104" spans="3:6">
      <c r="C104" s="369"/>
      <c r="D104" s="371"/>
      <c r="E104" s="172" t="s">
        <v>135</v>
      </c>
      <c r="F104" s="362"/>
    </row>
    <row r="105" spans="3:6" ht="14.25" customHeight="1">
      <c r="C105" s="50" t="s">
        <v>17</v>
      </c>
      <c r="D105" s="120" t="s">
        <v>843</v>
      </c>
      <c r="E105" s="121"/>
      <c r="F105" s="354" t="s">
        <v>111</v>
      </c>
    </row>
    <row r="106" spans="3:6" ht="12" customHeight="1">
      <c r="C106" s="50"/>
      <c r="D106" s="21" t="s">
        <v>406</v>
      </c>
      <c r="E106" s="15" t="s">
        <v>111</v>
      </c>
      <c r="F106" s="354"/>
    </row>
    <row r="107" spans="3:6" ht="12" customHeight="1">
      <c r="C107" s="50"/>
      <c r="D107" s="21" t="s">
        <v>153</v>
      </c>
      <c r="E107" s="15" t="s">
        <v>111</v>
      </c>
      <c r="F107" s="354"/>
    </row>
    <row r="108" spans="3:6" ht="12" customHeight="1">
      <c r="C108" s="50"/>
      <c r="D108" s="21" t="s">
        <v>154</v>
      </c>
      <c r="E108" s="15" t="s">
        <v>111</v>
      </c>
      <c r="F108" s="354"/>
    </row>
    <row r="109" spans="3:6" ht="12" customHeight="1">
      <c r="C109" s="50"/>
      <c r="D109" s="21" t="s">
        <v>407</v>
      </c>
      <c r="E109" s="15" t="s">
        <v>111</v>
      </c>
      <c r="F109" s="354"/>
    </row>
    <row r="110" spans="3:6" ht="12" customHeight="1">
      <c r="C110" s="54"/>
      <c r="D110" s="21"/>
      <c r="E110" s="16"/>
      <c r="F110" s="67"/>
    </row>
    <row r="111" spans="3:6" ht="12" customHeight="1">
      <c r="C111" s="54" t="s">
        <v>19</v>
      </c>
      <c r="D111" s="21"/>
      <c r="E111" s="16"/>
      <c r="F111" s="358" t="s">
        <v>111</v>
      </c>
    </row>
    <row r="112" spans="3:6" ht="12" customHeight="1">
      <c r="C112" s="54" t="s">
        <v>336</v>
      </c>
      <c r="D112" s="66" t="s">
        <v>591</v>
      </c>
      <c r="E112" s="15" t="s">
        <v>111</v>
      </c>
      <c r="F112" s="354"/>
    </row>
    <row r="113" spans="3:6" ht="12" customHeight="1">
      <c r="C113" s="54" t="s">
        <v>353</v>
      </c>
      <c r="D113" s="21" t="s">
        <v>591</v>
      </c>
      <c r="E113" s="15" t="s">
        <v>111</v>
      </c>
      <c r="F113" s="354"/>
    </row>
    <row r="114" spans="3:6" ht="12" customHeight="1">
      <c r="C114" s="50" t="s">
        <v>123</v>
      </c>
      <c r="D114" s="21" t="s">
        <v>591</v>
      </c>
      <c r="E114" s="15" t="s">
        <v>111</v>
      </c>
      <c r="F114" s="354"/>
    </row>
    <row r="115" spans="3:6" ht="12" customHeight="1">
      <c r="C115" s="12"/>
      <c r="D115" s="21" t="s">
        <v>460</v>
      </c>
      <c r="E115" s="15" t="s">
        <v>111</v>
      </c>
      <c r="F115" s="354"/>
    </row>
    <row r="116" spans="3:6" ht="12" customHeight="1">
      <c r="C116" s="50"/>
      <c r="D116" s="21" t="s">
        <v>273</v>
      </c>
      <c r="E116" s="15" t="s">
        <v>111</v>
      </c>
      <c r="F116" s="354"/>
    </row>
    <row r="117" spans="3:6" ht="12" customHeight="1">
      <c r="C117" s="54" t="s">
        <v>350</v>
      </c>
      <c r="D117" s="21" t="s">
        <v>591</v>
      </c>
      <c r="E117" s="15" t="s">
        <v>111</v>
      </c>
      <c r="F117" s="354"/>
    </row>
    <row r="118" spans="3:6" ht="12" customHeight="1">
      <c r="C118" s="50" t="s">
        <v>20</v>
      </c>
      <c r="D118" s="21" t="s">
        <v>537</v>
      </c>
      <c r="E118" s="15" t="s">
        <v>111</v>
      </c>
      <c r="F118" s="354"/>
    </row>
    <row r="119" spans="3:6" ht="12" customHeight="1">
      <c r="C119" s="50"/>
      <c r="D119" s="21" t="s">
        <v>352</v>
      </c>
      <c r="E119" s="15" t="s">
        <v>111</v>
      </c>
      <c r="F119" s="354"/>
    </row>
    <row r="120" spans="3:6" ht="12" customHeight="1">
      <c r="C120" s="50"/>
      <c r="D120" s="21" t="s">
        <v>228</v>
      </c>
      <c r="E120" s="15" t="s">
        <v>111</v>
      </c>
      <c r="F120" s="354"/>
    </row>
    <row r="121" spans="3:6" ht="12" customHeight="1">
      <c r="C121" s="50"/>
      <c r="D121" s="21" t="s">
        <v>538</v>
      </c>
      <c r="E121" s="15" t="s">
        <v>111</v>
      </c>
      <c r="F121" s="354"/>
    </row>
    <row r="122" spans="3:6" ht="12" customHeight="1">
      <c r="C122" s="50"/>
      <c r="D122" s="21" t="s">
        <v>229</v>
      </c>
      <c r="E122" s="15" t="s">
        <v>111</v>
      </c>
      <c r="F122" s="354"/>
    </row>
    <row r="123" spans="3:6" ht="24.9" customHeight="1">
      <c r="C123" s="54" t="s">
        <v>29</v>
      </c>
      <c r="D123" s="21" t="s">
        <v>539</v>
      </c>
      <c r="E123" s="15" t="s">
        <v>111</v>
      </c>
      <c r="F123" s="360"/>
    </row>
    <row r="124" spans="3:6" ht="12" customHeight="1">
      <c r="C124" s="50"/>
      <c r="D124" s="21"/>
      <c r="E124" s="16"/>
      <c r="F124" s="67"/>
    </row>
    <row r="125" spans="3:6" ht="12" customHeight="1">
      <c r="C125" s="54" t="s">
        <v>21</v>
      </c>
      <c r="D125" s="21"/>
      <c r="E125" s="16"/>
      <c r="F125" s="358" t="s">
        <v>111</v>
      </c>
    </row>
    <row r="126" spans="3:6" ht="12" customHeight="1">
      <c r="C126" s="54" t="s">
        <v>2</v>
      </c>
      <c r="D126" s="21" t="s">
        <v>230</v>
      </c>
      <c r="E126" s="15" t="s">
        <v>111</v>
      </c>
      <c r="F126" s="354"/>
    </row>
    <row r="127" spans="3:6" ht="12" customHeight="1">
      <c r="C127" s="54" t="s">
        <v>48</v>
      </c>
      <c r="D127" s="21" t="s">
        <v>540</v>
      </c>
      <c r="E127" s="15" t="s">
        <v>111</v>
      </c>
      <c r="F127" s="354"/>
    </row>
    <row r="128" spans="3:6" ht="12" customHeight="1">
      <c r="C128" s="54" t="s">
        <v>16</v>
      </c>
      <c r="D128" s="21" t="s">
        <v>540</v>
      </c>
      <c r="E128" s="15" t="s">
        <v>111</v>
      </c>
      <c r="F128" s="360"/>
    </row>
    <row r="129" spans="1:6" ht="12" customHeight="1">
      <c r="C129" s="54"/>
      <c r="D129" s="21"/>
      <c r="E129" s="16"/>
      <c r="F129" s="67"/>
    </row>
    <row r="130" spans="1:6" ht="24.9" customHeight="1">
      <c r="C130" s="92" t="s">
        <v>394</v>
      </c>
      <c r="D130" s="21" t="s">
        <v>587</v>
      </c>
      <c r="E130" s="15" t="s">
        <v>111</v>
      </c>
      <c r="F130" s="358"/>
    </row>
    <row r="131" spans="1:6" ht="12" customHeight="1">
      <c r="C131" s="50"/>
      <c r="D131" s="21" t="s">
        <v>580</v>
      </c>
      <c r="E131" s="15" t="s">
        <v>111</v>
      </c>
      <c r="F131" s="354"/>
    </row>
    <row r="132" spans="1:6" ht="24.9" customHeight="1">
      <c r="C132" s="50"/>
      <c r="D132" s="21" t="s">
        <v>408</v>
      </c>
      <c r="E132" s="15" t="s">
        <v>111</v>
      </c>
      <c r="F132" s="354"/>
    </row>
    <row r="133" spans="1:6" ht="12" customHeight="1">
      <c r="C133" s="40"/>
      <c r="D133" s="21" t="s">
        <v>231</v>
      </c>
      <c r="E133" s="15" t="s">
        <v>111</v>
      </c>
      <c r="F133" s="354"/>
    </row>
    <row r="134" spans="1:6" ht="12" customHeight="1">
      <c r="C134" s="54"/>
      <c r="D134" s="21"/>
      <c r="E134" s="16"/>
      <c r="F134" s="67"/>
    </row>
    <row r="135" spans="1:6" ht="12" customHeight="1">
      <c r="C135" s="50" t="s">
        <v>393</v>
      </c>
      <c r="D135" s="21" t="s">
        <v>592</v>
      </c>
      <c r="E135" s="15" t="s">
        <v>111</v>
      </c>
      <c r="F135" s="68" t="s">
        <v>111</v>
      </c>
    </row>
    <row r="136" spans="1:6" ht="12" customHeight="1">
      <c r="C136" s="178"/>
      <c r="D136" s="21"/>
      <c r="E136" s="16"/>
      <c r="F136" s="67"/>
    </row>
    <row r="137" spans="1:6" ht="12" customHeight="1">
      <c r="C137" s="108" t="s">
        <v>593</v>
      </c>
      <c r="D137" s="19"/>
      <c r="E137" s="16"/>
      <c r="F137" s="391"/>
    </row>
    <row r="138" spans="1:6" ht="12" customHeight="1">
      <c r="C138" s="108" t="s">
        <v>59</v>
      </c>
      <c r="D138" s="20" t="s">
        <v>275</v>
      </c>
      <c r="E138" s="15" t="s">
        <v>111</v>
      </c>
      <c r="F138" s="392"/>
    </row>
    <row r="139" spans="1:6" ht="12" customHeight="1">
      <c r="C139" s="108" t="s">
        <v>385</v>
      </c>
      <c r="D139" s="19" t="s">
        <v>277</v>
      </c>
      <c r="E139" s="15" t="s">
        <v>111</v>
      </c>
      <c r="F139" s="392"/>
    </row>
    <row r="140" spans="1:6" ht="12" customHeight="1">
      <c r="C140" s="105" t="s">
        <v>31</v>
      </c>
      <c r="D140" s="19" t="s">
        <v>279</v>
      </c>
      <c r="E140" s="16" t="s">
        <v>111</v>
      </c>
      <c r="F140" s="392"/>
    </row>
    <row r="141" spans="1:6" ht="12" customHeight="1">
      <c r="C141" s="109"/>
      <c r="D141" s="19" t="s">
        <v>32</v>
      </c>
      <c r="E141" s="15" t="s">
        <v>111</v>
      </c>
      <c r="F141" s="392"/>
    </row>
    <row r="142" spans="1:6" ht="12" customHeight="1">
      <c r="C142" s="110"/>
      <c r="D142" s="19" t="s">
        <v>33</v>
      </c>
      <c r="E142" s="15" t="s">
        <v>111</v>
      </c>
      <c r="F142" s="393"/>
    </row>
    <row r="143" spans="1:6" ht="12" customHeight="1" thickBot="1">
      <c r="C143" s="179"/>
      <c r="D143" s="24"/>
      <c r="E143" s="44"/>
      <c r="F143" s="45"/>
    </row>
    <row r="144" spans="1:6" ht="13.5" customHeight="1">
      <c r="A144" s="100"/>
      <c r="B144" s="100"/>
      <c r="C144" s="101"/>
      <c r="D144" s="101"/>
      <c r="E144" s="61"/>
      <c r="F144" s="61"/>
    </row>
    <row r="145" spans="3:6">
      <c r="C145" s="36" t="s">
        <v>351</v>
      </c>
    </row>
    <row r="146" spans="3:6" ht="12.6" thickBot="1">
      <c r="C146" s="77" t="s">
        <v>179</v>
      </c>
      <c r="D146" s="112"/>
    </row>
    <row r="147" spans="3:6" ht="12" customHeight="1" outlineLevel="1">
      <c r="C147" s="374" t="s">
        <v>23</v>
      </c>
      <c r="D147" s="376" t="s">
        <v>24</v>
      </c>
      <c r="E147" s="334" t="s">
        <v>125</v>
      </c>
      <c r="F147" s="361" t="s">
        <v>81</v>
      </c>
    </row>
    <row r="148" spans="3:6" outlineLevel="1">
      <c r="C148" s="375"/>
      <c r="D148" s="377"/>
      <c r="E148" s="172" t="s">
        <v>135</v>
      </c>
      <c r="F148" s="362"/>
    </row>
    <row r="149" spans="3:6" ht="12" customHeight="1" outlineLevel="1">
      <c r="C149" s="54" t="s">
        <v>581</v>
      </c>
      <c r="D149" s="21" t="s">
        <v>365</v>
      </c>
      <c r="E149" s="72"/>
      <c r="F149" s="363" t="s">
        <v>111</v>
      </c>
    </row>
    <row r="150" spans="3:6" ht="12" customHeight="1" outlineLevel="1">
      <c r="C150" s="54" t="s">
        <v>49</v>
      </c>
      <c r="D150" s="21" t="s">
        <v>366</v>
      </c>
      <c r="E150" s="15" t="s">
        <v>111</v>
      </c>
      <c r="F150" s="360"/>
    </row>
    <row r="151" spans="3:6" ht="12" customHeight="1" outlineLevel="1" thickBot="1">
      <c r="C151" s="42"/>
      <c r="D151" s="24"/>
      <c r="E151" s="44"/>
      <c r="F151" s="45"/>
    </row>
    <row r="152" spans="3:6" outlineLevel="1"/>
    <row r="153" spans="3:6" ht="12.6" thickBot="1">
      <c r="C153" s="36" t="s">
        <v>594</v>
      </c>
    </row>
    <row r="154" spans="3:6" ht="12" customHeight="1" outlineLevel="1">
      <c r="C154" s="368" t="s">
        <v>23</v>
      </c>
      <c r="D154" s="370" t="s">
        <v>24</v>
      </c>
      <c r="E154" s="334" t="s">
        <v>125</v>
      </c>
      <c r="F154" s="361" t="s">
        <v>81</v>
      </c>
    </row>
    <row r="155" spans="3:6" outlineLevel="1">
      <c r="C155" s="369"/>
      <c r="D155" s="371"/>
      <c r="E155" s="172" t="s">
        <v>135</v>
      </c>
      <c r="F155" s="362"/>
    </row>
    <row r="156" spans="3:6" ht="12" customHeight="1" outlineLevel="1">
      <c r="C156" s="140" t="s">
        <v>17</v>
      </c>
      <c r="D156" s="180" t="s">
        <v>595</v>
      </c>
      <c r="E156" s="72"/>
      <c r="F156" s="363" t="s">
        <v>111</v>
      </c>
    </row>
    <row r="157" spans="3:6" ht="12" customHeight="1" outlineLevel="1">
      <c r="C157" s="50" t="s">
        <v>145</v>
      </c>
      <c r="D157" s="80" t="s">
        <v>235</v>
      </c>
      <c r="E157" s="15" t="s">
        <v>111</v>
      </c>
      <c r="F157" s="360"/>
    </row>
    <row r="158" spans="3:6" ht="12" customHeight="1" outlineLevel="1">
      <c r="C158" s="54"/>
      <c r="D158" s="21"/>
      <c r="E158" s="28"/>
      <c r="F158" s="67"/>
    </row>
    <row r="159" spans="3:6" ht="12" customHeight="1" outlineLevel="1">
      <c r="C159" s="108" t="s">
        <v>19</v>
      </c>
      <c r="D159" s="19"/>
      <c r="E159" s="16"/>
      <c r="F159" s="354" t="s">
        <v>111</v>
      </c>
    </row>
    <row r="160" spans="3:6" ht="12" customHeight="1" outlineLevel="1">
      <c r="C160" s="108" t="s">
        <v>20</v>
      </c>
      <c r="D160" s="19" t="s">
        <v>237</v>
      </c>
      <c r="E160" s="15" t="s">
        <v>111</v>
      </c>
      <c r="F160" s="354"/>
    </row>
    <row r="161" spans="3:6" ht="12" customHeight="1" outlineLevel="1">
      <c r="C161" s="108"/>
      <c r="D161" s="19"/>
      <c r="E161" s="16"/>
      <c r="F161" s="67"/>
    </row>
    <row r="162" spans="3:6" ht="12" customHeight="1" outlineLevel="1">
      <c r="C162" s="108" t="s">
        <v>21</v>
      </c>
      <c r="D162" s="181"/>
      <c r="E162" s="16"/>
      <c r="F162" s="354" t="s">
        <v>111</v>
      </c>
    </row>
    <row r="163" spans="3:6" ht="12" customHeight="1" outlineLevel="1">
      <c r="C163" s="108" t="s">
        <v>22</v>
      </c>
      <c r="D163" s="181" t="s">
        <v>596</v>
      </c>
      <c r="E163" s="15" t="s">
        <v>111</v>
      </c>
      <c r="F163" s="354"/>
    </row>
    <row r="164" spans="3:6" ht="12" customHeight="1" outlineLevel="1">
      <c r="C164" s="182"/>
      <c r="D164" s="181" t="s">
        <v>238</v>
      </c>
      <c r="E164" s="15" t="s">
        <v>111</v>
      </c>
      <c r="F164" s="354"/>
    </row>
    <row r="165" spans="3:6" ht="12" customHeight="1" outlineLevel="1">
      <c r="C165" s="104"/>
      <c r="D165" s="181" t="s">
        <v>239</v>
      </c>
      <c r="E165" s="15" t="s">
        <v>111</v>
      </c>
      <c r="F165" s="354"/>
    </row>
    <row r="166" spans="3:6" ht="12" customHeight="1" outlineLevel="1">
      <c r="C166" s="108" t="s">
        <v>48</v>
      </c>
      <c r="D166" s="181" t="s">
        <v>240</v>
      </c>
      <c r="E166" s="15" t="s">
        <v>111</v>
      </c>
      <c r="F166" s="354"/>
    </row>
    <row r="167" spans="3:6" ht="12" customHeight="1" outlineLevel="1">
      <c r="C167" s="108"/>
      <c r="D167" s="19"/>
      <c r="E167" s="16"/>
      <c r="F167" s="67"/>
    </row>
    <row r="168" spans="3:6" ht="12" customHeight="1" outlineLevel="1">
      <c r="C168" s="108" t="s">
        <v>394</v>
      </c>
      <c r="D168" s="19" t="s">
        <v>241</v>
      </c>
      <c r="E168" s="15" t="s">
        <v>111</v>
      </c>
      <c r="F168" s="68" t="s">
        <v>111</v>
      </c>
    </row>
    <row r="169" spans="3:6" ht="12" customHeight="1" outlineLevel="1" thickBot="1">
      <c r="C169" s="42"/>
      <c r="D169" s="24"/>
      <c r="E169" s="44"/>
      <c r="F169" s="74"/>
    </row>
    <row r="170" spans="3:6" ht="12" customHeight="1" outlineLevel="1">
      <c r="C170" s="115"/>
      <c r="D170" s="116"/>
      <c r="E170" s="335"/>
      <c r="F170" s="335"/>
    </row>
    <row r="171" spans="3:6" ht="12.6" thickBot="1">
      <c r="C171" s="36" t="s">
        <v>175</v>
      </c>
    </row>
    <row r="172" spans="3:6" ht="12" customHeight="1" outlineLevel="1">
      <c r="C172" s="374" t="s">
        <v>23</v>
      </c>
      <c r="D172" s="376" t="s">
        <v>24</v>
      </c>
      <c r="E172" s="334" t="s">
        <v>125</v>
      </c>
      <c r="F172" s="361" t="s">
        <v>81</v>
      </c>
    </row>
    <row r="173" spans="3:6" outlineLevel="1">
      <c r="C173" s="375"/>
      <c r="D173" s="377"/>
      <c r="E173" s="23" t="s">
        <v>135</v>
      </c>
      <c r="F173" s="362"/>
    </row>
    <row r="174" spans="3:6" ht="12" customHeight="1" outlineLevel="1">
      <c r="C174" s="46" t="s">
        <v>399</v>
      </c>
      <c r="D174" s="120" t="s">
        <v>349</v>
      </c>
      <c r="E174" s="72"/>
      <c r="F174" s="363" t="s">
        <v>111</v>
      </c>
    </row>
    <row r="175" spans="3:6" ht="12" customHeight="1" outlineLevel="1">
      <c r="C175" s="50"/>
      <c r="D175" s="21" t="s">
        <v>348</v>
      </c>
      <c r="E175" s="15" t="s">
        <v>111</v>
      </c>
      <c r="F175" s="354"/>
    </row>
    <row r="176" spans="3:6" ht="12" customHeight="1" outlineLevel="1">
      <c r="C176" s="50"/>
      <c r="D176" s="21" t="s">
        <v>244</v>
      </c>
      <c r="E176" s="15" t="s">
        <v>111</v>
      </c>
      <c r="F176" s="354"/>
    </row>
    <row r="177" spans="3:6" ht="12" customHeight="1" outlineLevel="1">
      <c r="C177" s="50"/>
      <c r="D177" s="21" t="s">
        <v>245</v>
      </c>
      <c r="E177" s="15" t="s">
        <v>111</v>
      </c>
      <c r="F177" s="354"/>
    </row>
    <row r="178" spans="3:6" ht="24.75" customHeight="1" outlineLevel="1">
      <c r="C178" s="50"/>
      <c r="D178" s="21" t="s">
        <v>248</v>
      </c>
      <c r="E178" s="15" t="s">
        <v>111</v>
      </c>
      <c r="F178" s="354"/>
    </row>
    <row r="179" spans="3:6" ht="13.5" customHeight="1" outlineLevel="1">
      <c r="C179" s="50"/>
      <c r="D179" s="21" t="s">
        <v>347</v>
      </c>
      <c r="E179" s="15" t="s">
        <v>111</v>
      </c>
      <c r="F179" s="354"/>
    </row>
    <row r="180" spans="3:6" ht="12" customHeight="1" outlineLevel="1">
      <c r="C180" s="50"/>
      <c r="D180" s="21" t="s">
        <v>346</v>
      </c>
      <c r="E180" s="15" t="s">
        <v>111</v>
      </c>
      <c r="F180" s="354"/>
    </row>
    <row r="181" spans="3:6" ht="24.75" customHeight="1" outlineLevel="1">
      <c r="C181" s="40"/>
      <c r="D181" s="21" t="s">
        <v>287</v>
      </c>
      <c r="E181" s="15" t="s">
        <v>111</v>
      </c>
      <c r="F181" s="360"/>
    </row>
    <row r="182" spans="3:6" ht="12" customHeight="1" outlineLevel="1" thickBot="1">
      <c r="C182" s="42"/>
      <c r="D182" s="24"/>
      <c r="E182" s="44"/>
      <c r="F182" s="45"/>
    </row>
    <row r="184" spans="3:6">
      <c r="C184" s="118" t="s">
        <v>173</v>
      </c>
    </row>
    <row r="185" spans="3:6" ht="12.6" thickBot="1">
      <c r="C185" s="36" t="s">
        <v>174</v>
      </c>
    </row>
    <row r="186" spans="3:6" ht="12" customHeight="1" outlineLevel="1">
      <c r="C186" s="368" t="s">
        <v>23</v>
      </c>
      <c r="D186" s="370" t="s">
        <v>24</v>
      </c>
      <c r="E186" s="334" t="s">
        <v>125</v>
      </c>
      <c r="F186" s="361" t="s">
        <v>81</v>
      </c>
    </row>
    <row r="187" spans="3:6" outlineLevel="1">
      <c r="C187" s="369"/>
      <c r="D187" s="371"/>
      <c r="E187" s="172" t="s">
        <v>135</v>
      </c>
      <c r="F187" s="362"/>
    </row>
    <row r="188" spans="3:6" outlineLevel="1">
      <c r="C188" s="46" t="s">
        <v>345</v>
      </c>
      <c r="D188" s="31" t="s">
        <v>548</v>
      </c>
      <c r="E188" s="72"/>
      <c r="F188" s="331"/>
    </row>
    <row r="189" spans="3:6" outlineLevel="1">
      <c r="C189" s="54"/>
      <c r="D189" s="21"/>
      <c r="E189" s="16"/>
      <c r="F189" s="67"/>
    </row>
    <row r="190" spans="3:6" ht="13.5" customHeight="1" outlineLevel="1">
      <c r="C190" s="54" t="s">
        <v>13</v>
      </c>
      <c r="D190" s="21"/>
      <c r="E190" s="16"/>
      <c r="F190" s="354" t="s">
        <v>111</v>
      </c>
    </row>
    <row r="191" spans="3:6" outlineLevel="1">
      <c r="C191" s="54" t="s">
        <v>50</v>
      </c>
      <c r="D191" s="21" t="s">
        <v>597</v>
      </c>
      <c r="E191" s="15" t="s">
        <v>111</v>
      </c>
      <c r="F191" s="354"/>
    </row>
    <row r="192" spans="3:6" ht="12" customHeight="1" outlineLevel="1" thickBot="1">
      <c r="C192" s="42"/>
      <c r="D192" s="113"/>
      <c r="E192" s="44"/>
      <c r="F192" s="74"/>
    </row>
    <row r="193" spans="3:6" outlineLevel="1" collapsed="1"/>
    <row r="194" spans="3:6" ht="12.6" thickBot="1">
      <c r="C194" s="36" t="s">
        <v>172</v>
      </c>
    </row>
    <row r="195" spans="3:6" ht="12" customHeight="1" outlineLevel="1">
      <c r="C195" s="368" t="s">
        <v>23</v>
      </c>
      <c r="D195" s="370" t="s">
        <v>24</v>
      </c>
      <c r="E195" s="334" t="s">
        <v>125</v>
      </c>
      <c r="F195" s="361" t="s">
        <v>81</v>
      </c>
    </row>
    <row r="196" spans="3:6" outlineLevel="1">
      <c r="C196" s="369"/>
      <c r="D196" s="371"/>
      <c r="E196" s="23" t="s">
        <v>135</v>
      </c>
      <c r="F196" s="362"/>
    </row>
    <row r="197" spans="3:6" ht="12" customHeight="1" outlineLevel="1">
      <c r="C197" s="46" t="s">
        <v>399</v>
      </c>
      <c r="D197" s="120" t="s">
        <v>290</v>
      </c>
      <c r="E197" s="72"/>
      <c r="F197" s="363" t="s">
        <v>111</v>
      </c>
    </row>
    <row r="198" spans="3:6" ht="12" customHeight="1" outlineLevel="1">
      <c r="C198" s="40"/>
      <c r="D198" s="21" t="s">
        <v>245</v>
      </c>
      <c r="E198" s="15" t="s">
        <v>111</v>
      </c>
      <c r="F198" s="360"/>
    </row>
    <row r="199" spans="3:6" ht="12.6" outlineLevel="1" thickBot="1">
      <c r="C199" s="42"/>
      <c r="D199" s="24"/>
      <c r="E199" s="44"/>
      <c r="F199" s="45"/>
    </row>
    <row r="201" spans="3:6">
      <c r="C201" s="118" t="s">
        <v>170</v>
      </c>
    </row>
    <row r="202" spans="3:6" ht="12.6" thickBot="1">
      <c r="C202" s="36" t="s">
        <v>171</v>
      </c>
    </row>
    <row r="203" spans="3:6" ht="12" customHeight="1" outlineLevel="1">
      <c r="C203" s="368" t="s">
        <v>23</v>
      </c>
      <c r="D203" s="370" t="s">
        <v>24</v>
      </c>
      <c r="E203" s="334" t="s">
        <v>125</v>
      </c>
      <c r="F203" s="361" t="s">
        <v>81</v>
      </c>
    </row>
    <row r="204" spans="3:6" outlineLevel="1">
      <c r="C204" s="369"/>
      <c r="D204" s="371"/>
      <c r="E204" s="172" t="s">
        <v>135</v>
      </c>
      <c r="F204" s="362"/>
    </row>
    <row r="205" spans="3:6" ht="13.5" customHeight="1" outlineLevel="1">
      <c r="C205" s="46" t="s">
        <v>30</v>
      </c>
      <c r="D205" s="122"/>
      <c r="E205" s="10"/>
      <c r="F205" s="363" t="s">
        <v>111</v>
      </c>
    </row>
    <row r="206" spans="3:6" outlineLevel="1">
      <c r="C206" s="54" t="s">
        <v>28</v>
      </c>
      <c r="D206" s="21" t="s">
        <v>551</v>
      </c>
      <c r="E206" s="15" t="s">
        <v>111</v>
      </c>
      <c r="F206" s="360"/>
    </row>
    <row r="207" spans="3:6" outlineLevel="1">
      <c r="C207" s="50" t="s">
        <v>848</v>
      </c>
      <c r="D207" s="21" t="s">
        <v>244</v>
      </c>
      <c r="E207" s="72"/>
      <c r="F207" s="330"/>
    </row>
    <row r="208" spans="3:6" outlineLevel="1">
      <c r="C208" s="54"/>
      <c r="D208" s="21"/>
      <c r="E208" s="16"/>
      <c r="F208" s="67"/>
    </row>
    <row r="209" spans="3:6" ht="13.5" customHeight="1" outlineLevel="1">
      <c r="C209" s="54" t="s">
        <v>13</v>
      </c>
      <c r="D209" s="123"/>
      <c r="E209" s="16"/>
      <c r="F209" s="358" t="s">
        <v>111</v>
      </c>
    </row>
    <row r="210" spans="3:6" ht="24.75" customHeight="1" outlineLevel="1">
      <c r="C210" s="54" t="s">
        <v>51</v>
      </c>
      <c r="D210" s="21" t="s">
        <v>552</v>
      </c>
      <c r="E210" s="15" t="s">
        <v>111</v>
      </c>
      <c r="F210" s="354"/>
    </row>
    <row r="211" spans="3:6" outlineLevel="1">
      <c r="C211" s="54" t="s">
        <v>344</v>
      </c>
      <c r="D211" s="21" t="s">
        <v>343</v>
      </c>
      <c r="E211" s="15" t="s">
        <v>111</v>
      </c>
      <c r="F211" s="360"/>
    </row>
    <row r="212" spans="3:6" ht="12" customHeight="1" outlineLevel="1" thickBot="1">
      <c r="C212" s="42"/>
      <c r="D212" s="24"/>
      <c r="E212" s="44"/>
      <c r="F212" s="45"/>
    </row>
    <row r="213" spans="3:6" outlineLevel="1"/>
    <row r="214" spans="3:6" ht="12.6" thickBot="1">
      <c r="C214" s="36" t="s">
        <v>169</v>
      </c>
    </row>
    <row r="215" spans="3:6" ht="12" customHeight="1" outlineLevel="1">
      <c r="C215" s="368" t="s">
        <v>23</v>
      </c>
      <c r="D215" s="370" t="s">
        <v>24</v>
      </c>
      <c r="E215" s="334" t="s">
        <v>125</v>
      </c>
      <c r="F215" s="361" t="s">
        <v>81</v>
      </c>
    </row>
    <row r="216" spans="3:6" outlineLevel="1">
      <c r="C216" s="369"/>
      <c r="D216" s="371"/>
      <c r="E216" s="23" t="s">
        <v>135</v>
      </c>
      <c r="F216" s="362"/>
    </row>
    <row r="217" spans="3:6" ht="12" customHeight="1" outlineLevel="1">
      <c r="C217" s="46" t="s">
        <v>399</v>
      </c>
      <c r="D217" s="120" t="s">
        <v>256</v>
      </c>
      <c r="E217" s="72"/>
      <c r="F217" s="363" t="s">
        <v>111</v>
      </c>
    </row>
    <row r="218" spans="3:6" ht="12" customHeight="1" outlineLevel="1">
      <c r="C218" s="40"/>
      <c r="D218" s="21" t="s">
        <v>257</v>
      </c>
      <c r="E218" s="15" t="s">
        <v>111</v>
      </c>
      <c r="F218" s="360"/>
    </row>
    <row r="219" spans="3:6" ht="12.6" outlineLevel="1" thickBot="1">
      <c r="C219" s="42"/>
      <c r="D219" s="24"/>
      <c r="E219" s="44"/>
      <c r="F219" s="45"/>
    </row>
    <row r="221" spans="3:6" ht="12.6" thickBot="1">
      <c r="C221" s="36" t="s">
        <v>168</v>
      </c>
    </row>
    <row r="222" spans="3:6" ht="12" customHeight="1" outlineLevel="1">
      <c r="C222" s="368" t="s">
        <v>23</v>
      </c>
      <c r="D222" s="370" t="s">
        <v>24</v>
      </c>
      <c r="E222" s="334" t="s">
        <v>125</v>
      </c>
      <c r="F222" s="361" t="s">
        <v>81</v>
      </c>
    </row>
    <row r="223" spans="3:6" outlineLevel="1">
      <c r="C223" s="369"/>
      <c r="D223" s="371"/>
      <c r="E223" s="172" t="s">
        <v>135</v>
      </c>
      <c r="F223" s="362"/>
    </row>
    <row r="224" spans="3:6" ht="12" customHeight="1" outlineLevel="1">
      <c r="C224" s="46" t="s">
        <v>409</v>
      </c>
      <c r="D224" s="31" t="s">
        <v>598</v>
      </c>
      <c r="E224" s="72"/>
      <c r="F224" s="363" t="s">
        <v>111</v>
      </c>
    </row>
    <row r="225" spans="3:6" ht="24.75" customHeight="1" outlineLevel="1">
      <c r="C225" s="40"/>
      <c r="D225" s="21" t="s">
        <v>599</v>
      </c>
      <c r="E225" s="15" t="s">
        <v>111</v>
      </c>
      <c r="F225" s="360"/>
    </row>
    <row r="226" spans="3:6" ht="12" customHeight="1" outlineLevel="1" thickBot="1">
      <c r="C226" s="42"/>
      <c r="D226" s="24"/>
      <c r="E226" s="44" t="s">
        <v>111</v>
      </c>
      <c r="F226" s="183"/>
    </row>
    <row r="228" spans="3:6" ht="12.6" thickBot="1">
      <c r="C228" s="118" t="s">
        <v>367</v>
      </c>
    </row>
    <row r="229" spans="3:6" ht="12" customHeight="1" outlineLevel="1">
      <c r="C229" s="374" t="s">
        <v>23</v>
      </c>
      <c r="D229" s="376" t="s">
        <v>24</v>
      </c>
      <c r="E229" s="334" t="s">
        <v>125</v>
      </c>
      <c r="F229" s="378" t="s">
        <v>81</v>
      </c>
    </row>
    <row r="230" spans="3:6" outlineLevel="1">
      <c r="C230" s="375"/>
      <c r="D230" s="377"/>
      <c r="E230" s="172" t="s">
        <v>135</v>
      </c>
      <c r="F230" s="379"/>
    </row>
    <row r="231" spans="3:6" ht="24" customHeight="1" outlineLevel="1">
      <c r="C231" s="50" t="s">
        <v>410</v>
      </c>
      <c r="D231" s="325" t="s">
        <v>342</v>
      </c>
      <c r="E231" s="72"/>
      <c r="F231" s="363" t="s">
        <v>111</v>
      </c>
    </row>
    <row r="232" spans="3:6" s="127" customFormat="1" ht="23.25" customHeight="1" outlineLevel="1">
      <c r="C232" s="184"/>
      <c r="D232" s="95" t="s">
        <v>554</v>
      </c>
      <c r="E232" s="15" t="s">
        <v>111</v>
      </c>
      <c r="F232" s="354"/>
    </row>
    <row r="233" spans="3:6" ht="12" customHeight="1" outlineLevel="1">
      <c r="C233" s="50"/>
      <c r="D233" s="21" t="s">
        <v>555</v>
      </c>
      <c r="E233" s="15" t="s">
        <v>111</v>
      </c>
      <c r="F233" s="354"/>
    </row>
    <row r="234" spans="3:6" ht="12" customHeight="1" outlineLevel="1">
      <c r="C234" s="40"/>
      <c r="D234" s="185" t="s">
        <v>600</v>
      </c>
      <c r="E234" s="15" t="s">
        <v>111</v>
      </c>
      <c r="F234" s="360"/>
    </row>
    <row r="235" spans="3:6" s="127" customFormat="1" ht="12" customHeight="1" outlineLevel="1" thickBot="1">
      <c r="C235" s="129"/>
      <c r="D235" s="130"/>
      <c r="E235" s="44"/>
      <c r="F235" s="45"/>
    </row>
    <row r="237" spans="3:6" ht="12.6" thickBot="1">
      <c r="C237" s="118" t="s">
        <v>167</v>
      </c>
    </row>
    <row r="238" spans="3:6" ht="12" customHeight="1" outlineLevel="1">
      <c r="C238" s="387" t="s">
        <v>23</v>
      </c>
      <c r="D238" s="389" t="s">
        <v>24</v>
      </c>
      <c r="E238" s="334" t="s">
        <v>125</v>
      </c>
      <c r="F238" s="361" t="s">
        <v>81</v>
      </c>
    </row>
    <row r="239" spans="3:6" outlineLevel="1">
      <c r="C239" s="388"/>
      <c r="D239" s="390"/>
      <c r="E239" s="172" t="s">
        <v>135</v>
      </c>
      <c r="F239" s="362"/>
    </row>
    <row r="240" spans="3:6" outlineLevel="1">
      <c r="C240" s="140" t="s">
        <v>17</v>
      </c>
      <c r="D240" s="180"/>
      <c r="E240" s="137"/>
      <c r="F240" s="363" t="s">
        <v>111</v>
      </c>
    </row>
    <row r="241" spans="3:6" ht="13.5" customHeight="1" outlineLevel="1">
      <c r="C241" s="54" t="s">
        <v>338</v>
      </c>
      <c r="D241" s="66" t="s">
        <v>260</v>
      </c>
      <c r="E241" s="15" t="s">
        <v>111</v>
      </c>
      <c r="F241" s="360"/>
    </row>
    <row r="242" spans="3:6" outlineLevel="1">
      <c r="C242" s="54"/>
      <c r="D242" s="66"/>
      <c r="E242" s="16"/>
      <c r="F242" s="67"/>
    </row>
    <row r="243" spans="3:6" outlineLevel="1">
      <c r="C243" s="54" t="s">
        <v>19</v>
      </c>
      <c r="D243" s="21"/>
      <c r="E243" s="16"/>
      <c r="F243" s="358" t="s">
        <v>111</v>
      </c>
    </row>
    <row r="244" spans="3:6" ht="13.5" customHeight="1" outlineLevel="1">
      <c r="C244" s="54" t="s">
        <v>337</v>
      </c>
      <c r="D244" s="21" t="s">
        <v>601</v>
      </c>
      <c r="E244" s="15" t="s">
        <v>111</v>
      </c>
      <c r="F244" s="354"/>
    </row>
    <row r="245" spans="3:6" ht="13.5" customHeight="1" outlineLevel="1">
      <c r="C245" s="50" t="s">
        <v>336</v>
      </c>
      <c r="D245" s="99" t="s">
        <v>291</v>
      </c>
      <c r="E245" s="15" t="s">
        <v>111</v>
      </c>
      <c r="F245" s="354"/>
    </row>
    <row r="246" spans="3:6" outlineLevel="1">
      <c r="C246" s="54"/>
      <c r="D246" s="66"/>
      <c r="E246" s="16"/>
      <c r="F246" s="67"/>
    </row>
    <row r="247" spans="3:6" ht="12" customHeight="1" outlineLevel="1">
      <c r="C247" s="54" t="s">
        <v>398</v>
      </c>
      <c r="D247" s="21" t="s">
        <v>446</v>
      </c>
      <c r="E247" s="15" t="s">
        <v>111</v>
      </c>
      <c r="F247" s="68" t="s">
        <v>111</v>
      </c>
    </row>
    <row r="248" spans="3:6" outlineLevel="1">
      <c r="C248" s="54"/>
      <c r="D248" s="66"/>
      <c r="E248" s="16"/>
      <c r="F248" s="67"/>
    </row>
    <row r="249" spans="3:6" ht="12" customHeight="1" outlineLevel="1">
      <c r="C249" s="54" t="s">
        <v>602</v>
      </c>
      <c r="D249" s="21" t="s">
        <v>559</v>
      </c>
      <c r="E249" s="15" t="s">
        <v>111</v>
      </c>
      <c r="F249" s="354"/>
    </row>
    <row r="250" spans="3:6" ht="12" customHeight="1" outlineLevel="1">
      <c r="C250" s="54" t="s">
        <v>49</v>
      </c>
      <c r="D250" s="21" t="s">
        <v>366</v>
      </c>
      <c r="E250" s="15" t="s">
        <v>111</v>
      </c>
      <c r="F250" s="360"/>
    </row>
    <row r="251" spans="3:6" ht="12" customHeight="1" outlineLevel="1" thickBot="1">
      <c r="C251" s="42"/>
      <c r="D251" s="24"/>
      <c r="E251" s="44"/>
      <c r="F251" s="45"/>
    </row>
    <row r="253" spans="3:6" ht="12.6" thickBot="1">
      <c r="C253" s="118" t="s">
        <v>166</v>
      </c>
    </row>
    <row r="254" spans="3:6" ht="12" customHeight="1" outlineLevel="1">
      <c r="C254" s="374" t="s">
        <v>23</v>
      </c>
      <c r="D254" s="376" t="s">
        <v>24</v>
      </c>
      <c r="E254" s="334" t="s">
        <v>125</v>
      </c>
      <c r="F254" s="361" t="s">
        <v>81</v>
      </c>
    </row>
    <row r="255" spans="3:6" outlineLevel="1">
      <c r="C255" s="375"/>
      <c r="D255" s="377"/>
      <c r="E255" s="172" t="s">
        <v>135</v>
      </c>
      <c r="F255" s="362"/>
    </row>
    <row r="256" spans="3:6" ht="12" customHeight="1" outlineLevel="1">
      <c r="C256" s="50" t="s">
        <v>17</v>
      </c>
      <c r="D256" s="31"/>
      <c r="E256" s="10"/>
      <c r="F256" s="363" t="s">
        <v>111</v>
      </c>
    </row>
    <row r="257" spans="3:6" ht="13.5" customHeight="1" outlineLevel="1">
      <c r="C257" s="54" t="s">
        <v>338</v>
      </c>
      <c r="D257" s="66" t="s">
        <v>260</v>
      </c>
      <c r="E257" s="15" t="s">
        <v>111</v>
      </c>
      <c r="F257" s="360"/>
    </row>
    <row r="258" spans="3:6" outlineLevel="1">
      <c r="C258" s="54"/>
      <c r="D258" s="66"/>
      <c r="E258" s="16"/>
      <c r="F258" s="67"/>
    </row>
    <row r="259" spans="3:6" outlineLevel="1">
      <c r="C259" s="54" t="s">
        <v>19</v>
      </c>
      <c r="D259" s="21"/>
      <c r="E259" s="16"/>
      <c r="F259" s="358" t="s">
        <v>111</v>
      </c>
    </row>
    <row r="260" spans="3:6" ht="13.5" customHeight="1" outlineLevel="1">
      <c r="C260" s="54" t="s">
        <v>52</v>
      </c>
      <c r="D260" s="21" t="s">
        <v>603</v>
      </c>
      <c r="E260" s="15" t="s">
        <v>111</v>
      </c>
      <c r="F260" s="354"/>
    </row>
    <row r="261" spans="3:6" ht="13.5" customHeight="1" outlineLevel="1">
      <c r="C261" s="54" t="s">
        <v>40</v>
      </c>
      <c r="D261" s="21" t="s">
        <v>604</v>
      </c>
      <c r="E261" s="15" t="s">
        <v>111</v>
      </c>
      <c r="F261" s="360"/>
    </row>
    <row r="262" spans="3:6" ht="12.6" outlineLevel="1" thickBot="1">
      <c r="C262" s="42"/>
      <c r="D262" s="24"/>
      <c r="E262" s="44"/>
      <c r="F262" s="45"/>
    </row>
    <row r="264" spans="3:6" ht="12.6" thickBot="1">
      <c r="C264" s="118" t="s">
        <v>165</v>
      </c>
    </row>
    <row r="265" spans="3:6" ht="12" customHeight="1" outlineLevel="1">
      <c r="C265" s="368" t="s">
        <v>23</v>
      </c>
      <c r="D265" s="370" t="s">
        <v>24</v>
      </c>
      <c r="E265" s="334" t="s">
        <v>125</v>
      </c>
      <c r="F265" s="361" t="s">
        <v>81</v>
      </c>
    </row>
    <row r="266" spans="3:6" outlineLevel="1">
      <c r="C266" s="369"/>
      <c r="D266" s="371"/>
      <c r="E266" s="172" t="s">
        <v>135</v>
      </c>
      <c r="F266" s="362"/>
    </row>
    <row r="267" spans="3:6" outlineLevel="1">
      <c r="C267" s="186" t="s">
        <v>3</v>
      </c>
      <c r="D267" s="187" t="s">
        <v>368</v>
      </c>
      <c r="E267" s="72"/>
      <c r="F267" s="331"/>
    </row>
    <row r="268" spans="3:6" ht="12" customHeight="1" outlineLevel="1">
      <c r="C268" s="54"/>
      <c r="D268" s="120"/>
      <c r="E268" s="28"/>
      <c r="F268" s="67"/>
    </row>
    <row r="269" spans="3:6" outlineLevel="1">
      <c r="C269" s="50" t="s">
        <v>55</v>
      </c>
      <c r="D269" s="80"/>
      <c r="E269" s="52"/>
      <c r="F269" s="392"/>
    </row>
    <row r="270" spans="3:6" ht="19.2" outlineLevel="1">
      <c r="C270" s="54" t="s">
        <v>338</v>
      </c>
      <c r="D270" s="66" t="s">
        <v>294</v>
      </c>
      <c r="E270" s="15" t="s">
        <v>111</v>
      </c>
      <c r="F270" s="392"/>
    </row>
    <row r="271" spans="3:6" outlineLevel="1">
      <c r="C271" s="54"/>
      <c r="D271" s="66"/>
      <c r="E271" s="16" t="s">
        <v>111</v>
      </c>
      <c r="F271" s="67"/>
    </row>
    <row r="272" spans="3:6" ht="13.5" customHeight="1" outlineLevel="1">
      <c r="C272" s="54" t="s">
        <v>564</v>
      </c>
      <c r="D272" s="21"/>
      <c r="E272" s="16"/>
      <c r="F272" s="354" t="s">
        <v>111</v>
      </c>
    </row>
    <row r="273" spans="3:6" outlineLevel="1">
      <c r="C273" s="54" t="s">
        <v>337</v>
      </c>
      <c r="D273" s="21" t="s">
        <v>601</v>
      </c>
      <c r="E273" s="15" t="s">
        <v>111</v>
      </c>
      <c r="F273" s="354"/>
    </row>
    <row r="274" spans="3:6" outlineLevel="1">
      <c r="C274" s="54"/>
      <c r="D274" s="66"/>
      <c r="E274" s="16"/>
      <c r="F274" s="67"/>
    </row>
    <row r="275" spans="3:6" ht="11.25" customHeight="1" outlineLevel="1">
      <c r="C275" s="54" t="s">
        <v>605</v>
      </c>
      <c r="D275" s="66" t="s">
        <v>845</v>
      </c>
      <c r="E275" s="15" t="s">
        <v>111</v>
      </c>
      <c r="F275" s="68" t="s">
        <v>111</v>
      </c>
    </row>
    <row r="276" spans="3:6" ht="12" customHeight="1" outlineLevel="1" thickBot="1">
      <c r="C276" s="42"/>
      <c r="D276" s="24"/>
      <c r="E276" s="44"/>
      <c r="F276" s="45"/>
    </row>
    <row r="278" spans="3:6" ht="12.6" thickBot="1">
      <c r="C278" s="118" t="s">
        <v>164</v>
      </c>
    </row>
    <row r="279" spans="3:6" ht="12" customHeight="1" outlineLevel="1">
      <c r="C279" s="368" t="s">
        <v>23</v>
      </c>
      <c r="D279" s="370" t="s">
        <v>24</v>
      </c>
      <c r="E279" s="334" t="s">
        <v>125</v>
      </c>
      <c r="F279" s="361" t="s">
        <v>81</v>
      </c>
    </row>
    <row r="280" spans="3:6" outlineLevel="1">
      <c r="C280" s="369"/>
      <c r="D280" s="371"/>
      <c r="E280" s="172" t="s">
        <v>135</v>
      </c>
      <c r="F280" s="362"/>
    </row>
    <row r="281" spans="3:6" ht="24.75" customHeight="1" outlineLevel="1">
      <c r="C281" s="46" t="s">
        <v>53</v>
      </c>
      <c r="D281" s="31" t="s">
        <v>606</v>
      </c>
      <c r="E281" s="72"/>
      <c r="F281" s="363" t="s">
        <v>111</v>
      </c>
    </row>
    <row r="282" spans="3:6" ht="12" customHeight="1" outlineLevel="1">
      <c r="C282" s="54" t="s">
        <v>36</v>
      </c>
      <c r="D282" s="66" t="s">
        <v>607</v>
      </c>
      <c r="E282" s="15" t="s">
        <v>111</v>
      </c>
      <c r="F282" s="360"/>
    </row>
    <row r="283" spans="3:6" ht="12" customHeight="1" outlineLevel="1">
      <c r="C283" s="54"/>
      <c r="D283" s="66"/>
      <c r="E283" s="16"/>
      <c r="F283" s="67"/>
    </row>
    <row r="284" spans="3:6" outlineLevel="1">
      <c r="C284" s="50" t="s">
        <v>55</v>
      </c>
      <c r="D284" s="80"/>
      <c r="E284" s="52"/>
      <c r="F284" s="392"/>
    </row>
    <row r="285" spans="3:6" ht="13.5" customHeight="1" outlineLevel="1">
      <c r="C285" s="54" t="s">
        <v>338</v>
      </c>
      <c r="D285" s="66" t="s">
        <v>235</v>
      </c>
      <c r="E285" s="15" t="s">
        <v>111</v>
      </c>
      <c r="F285" s="393"/>
    </row>
    <row r="286" spans="3:6" outlineLevel="1">
      <c r="C286" s="54"/>
      <c r="D286" s="21"/>
      <c r="E286" s="16"/>
      <c r="F286" s="67"/>
    </row>
    <row r="287" spans="3:6" outlineLevel="1">
      <c r="C287" s="54" t="s">
        <v>564</v>
      </c>
      <c r="D287" s="21"/>
      <c r="E287" s="16"/>
      <c r="F287" s="358" t="s">
        <v>111</v>
      </c>
    </row>
    <row r="288" spans="3:6" ht="13.5" customHeight="1" outlineLevel="1">
      <c r="C288" s="92" t="s">
        <v>37</v>
      </c>
      <c r="D288" s="66" t="s">
        <v>296</v>
      </c>
      <c r="E288" s="16" t="s">
        <v>111</v>
      </c>
      <c r="F288" s="354"/>
    </row>
    <row r="289" spans="3:7" ht="13.5" customHeight="1" outlineLevel="1">
      <c r="C289" s="40" t="s">
        <v>464</v>
      </c>
      <c r="D289" s="66" t="s">
        <v>341</v>
      </c>
      <c r="E289" s="15" t="s">
        <v>111</v>
      </c>
      <c r="F289" s="360"/>
    </row>
    <row r="290" spans="3:7" ht="12" customHeight="1" outlineLevel="1" thickBot="1">
      <c r="C290" s="42"/>
      <c r="D290" s="113"/>
      <c r="E290" s="44"/>
      <c r="F290" s="45"/>
    </row>
    <row r="292" spans="3:7">
      <c r="C292" s="118" t="s">
        <v>160</v>
      </c>
    </row>
    <row r="293" spans="3:7" s="127" customFormat="1" ht="13.8" thickBot="1">
      <c r="C293" s="132" t="s">
        <v>161</v>
      </c>
      <c r="D293" s="133"/>
      <c r="E293" s="134"/>
      <c r="F293" s="134"/>
      <c r="G293" s="133"/>
    </row>
    <row r="294" spans="3:7" s="127" customFormat="1" ht="13.5" customHeight="1" outlineLevel="1">
      <c r="C294" s="381" t="s">
        <v>23</v>
      </c>
      <c r="D294" s="383" t="s">
        <v>24</v>
      </c>
      <c r="E294" s="334" t="s">
        <v>125</v>
      </c>
      <c r="F294" s="361" t="s">
        <v>81</v>
      </c>
    </row>
    <row r="295" spans="3:7" s="127" customFormat="1" ht="13.5" customHeight="1" outlineLevel="1">
      <c r="C295" s="382"/>
      <c r="D295" s="384"/>
      <c r="E295" s="172" t="s">
        <v>135</v>
      </c>
      <c r="F295" s="362"/>
    </row>
    <row r="296" spans="3:7" s="127" customFormat="1" ht="12" customHeight="1" outlineLevel="1">
      <c r="C296" s="136" t="s">
        <v>411</v>
      </c>
      <c r="D296" s="22" t="s">
        <v>447</v>
      </c>
      <c r="E296" s="72"/>
      <c r="F296" s="331"/>
    </row>
    <row r="297" spans="3:7" ht="12" customHeight="1" outlineLevel="1" thickBot="1">
      <c r="C297" s="42"/>
      <c r="D297" s="113"/>
      <c r="E297" s="44"/>
      <c r="F297" s="45"/>
    </row>
    <row r="298" spans="3:7" s="127" customFormat="1" ht="13.2" outlineLevel="1">
      <c r="C298" s="133"/>
      <c r="D298" s="133"/>
      <c r="E298" s="134"/>
      <c r="F298" s="134"/>
    </row>
    <row r="299" spans="3:7" s="127" customFormat="1" ht="13.8" thickBot="1">
      <c r="C299" s="132" t="s">
        <v>159</v>
      </c>
      <c r="D299" s="133"/>
      <c r="E299" s="134"/>
      <c r="F299" s="134"/>
    </row>
    <row r="300" spans="3:7" ht="12" customHeight="1" outlineLevel="1">
      <c r="C300" s="368" t="s">
        <v>23</v>
      </c>
      <c r="D300" s="370" t="s">
        <v>24</v>
      </c>
      <c r="E300" s="334" t="s">
        <v>125</v>
      </c>
      <c r="F300" s="361" t="s">
        <v>81</v>
      </c>
    </row>
    <row r="301" spans="3:7" outlineLevel="1">
      <c r="C301" s="369"/>
      <c r="D301" s="371"/>
      <c r="E301" s="172" t="s">
        <v>135</v>
      </c>
      <c r="F301" s="362"/>
    </row>
    <row r="302" spans="3:7" s="127" customFormat="1" ht="13.2" outlineLevel="1">
      <c r="C302" s="46" t="s">
        <v>569</v>
      </c>
      <c r="D302" s="188"/>
      <c r="E302" s="10"/>
      <c r="F302" s="363" t="s">
        <v>111</v>
      </c>
    </row>
    <row r="303" spans="3:7" s="127" customFormat="1" ht="13.2" outlineLevel="1">
      <c r="C303" s="189" t="s">
        <v>340</v>
      </c>
      <c r="D303" s="145" t="s">
        <v>297</v>
      </c>
      <c r="E303" s="15" t="s">
        <v>111</v>
      </c>
      <c r="F303" s="354"/>
    </row>
    <row r="304" spans="3:7" s="127" customFormat="1" ht="19.2" outlineLevel="1">
      <c r="C304" s="144"/>
      <c r="D304" s="145" t="s">
        <v>438</v>
      </c>
      <c r="E304" s="15" t="s">
        <v>111</v>
      </c>
      <c r="F304" s="354"/>
    </row>
    <row r="305" spans="3:7" s="127" customFormat="1" ht="13.2" outlineLevel="1">
      <c r="C305" s="146" t="s">
        <v>608</v>
      </c>
      <c r="D305" s="145" t="s">
        <v>609</v>
      </c>
      <c r="E305" s="15" t="s">
        <v>111</v>
      </c>
      <c r="F305" s="354"/>
    </row>
    <row r="306" spans="3:7" s="127" customFormat="1" ht="13.2" outlineLevel="1">
      <c r="C306" s="146" t="s">
        <v>339</v>
      </c>
      <c r="D306" s="145" t="s">
        <v>610</v>
      </c>
      <c r="E306" s="15" t="s">
        <v>111</v>
      </c>
      <c r="F306" s="360"/>
    </row>
    <row r="307" spans="3:7" s="127" customFormat="1" ht="13.2" outlineLevel="1">
      <c r="C307" s="147"/>
      <c r="D307" s="148"/>
      <c r="E307" s="16"/>
      <c r="F307" s="67"/>
    </row>
    <row r="308" spans="3:7" ht="13.5" customHeight="1" outlineLevel="1">
      <c r="C308" s="54" t="s">
        <v>55</v>
      </c>
      <c r="D308" s="21"/>
      <c r="E308" s="16"/>
      <c r="F308" s="358" t="s">
        <v>111</v>
      </c>
    </row>
    <row r="309" spans="3:7" s="151" customFormat="1" ht="13.5" customHeight="1" outlineLevel="1">
      <c r="C309" s="149" t="s">
        <v>38</v>
      </c>
      <c r="D309" s="150" t="s">
        <v>235</v>
      </c>
      <c r="E309" s="15" t="s">
        <v>111</v>
      </c>
      <c r="F309" s="360"/>
    </row>
    <row r="310" spans="3:7" s="151" customFormat="1" ht="13.5" customHeight="1" outlineLevel="1" thickBot="1">
      <c r="C310" s="152"/>
      <c r="D310" s="153"/>
      <c r="E310" s="44"/>
      <c r="F310" s="45"/>
    </row>
    <row r="311" spans="3:7" ht="12" customHeight="1">
      <c r="C311" s="154"/>
      <c r="D311" s="154"/>
      <c r="E311" s="155"/>
      <c r="F311" s="155"/>
    </row>
    <row r="312" spans="3:7" s="127" customFormat="1" ht="13.8" thickBot="1">
      <c r="C312" s="132" t="s">
        <v>158</v>
      </c>
      <c r="D312" s="133"/>
      <c r="E312" s="134"/>
      <c r="F312" s="134"/>
      <c r="G312" s="133"/>
    </row>
    <row r="313" spans="3:7" s="127" customFormat="1" ht="13.5" customHeight="1" outlineLevel="1">
      <c r="C313" s="381" t="s">
        <v>23</v>
      </c>
      <c r="D313" s="383" t="s">
        <v>24</v>
      </c>
      <c r="E313" s="334" t="s">
        <v>125</v>
      </c>
      <c r="F313" s="361" t="s">
        <v>81</v>
      </c>
    </row>
    <row r="314" spans="3:7" s="127" customFormat="1" ht="13.5" customHeight="1" outlineLevel="1">
      <c r="C314" s="382"/>
      <c r="D314" s="386"/>
      <c r="E314" s="172" t="s">
        <v>135</v>
      </c>
      <c r="F314" s="362"/>
    </row>
    <row r="315" spans="3:7" s="127" customFormat="1" ht="24.75" customHeight="1" outlineLevel="1">
      <c r="C315" s="156" t="s">
        <v>412</v>
      </c>
      <c r="D315" s="157" t="s">
        <v>574</v>
      </c>
      <c r="E315" s="72"/>
      <c r="F315" s="363" t="s">
        <v>111</v>
      </c>
    </row>
    <row r="316" spans="3:7" s="127" customFormat="1" ht="12" customHeight="1" outlineLevel="1" thickBot="1">
      <c r="C316" s="159"/>
      <c r="D316" s="160"/>
      <c r="E316" s="44"/>
      <c r="F316" s="402"/>
    </row>
    <row r="318" spans="3:7" ht="12.6" thickBot="1">
      <c r="C318" s="36" t="s">
        <v>156</v>
      </c>
    </row>
    <row r="319" spans="3:7" ht="12" customHeight="1" outlineLevel="1">
      <c r="C319" s="368" t="s">
        <v>23</v>
      </c>
      <c r="D319" s="370" t="s">
        <v>24</v>
      </c>
      <c r="E319" s="334" t="s">
        <v>125</v>
      </c>
      <c r="F319" s="361" t="s">
        <v>81</v>
      </c>
    </row>
    <row r="320" spans="3:7" outlineLevel="1">
      <c r="C320" s="369"/>
      <c r="D320" s="371"/>
      <c r="E320" s="172" t="s">
        <v>135</v>
      </c>
      <c r="F320" s="362"/>
    </row>
    <row r="321" spans="3:6" ht="13.5" customHeight="1" outlineLevel="1">
      <c r="C321" s="46" t="s">
        <v>17</v>
      </c>
      <c r="D321" s="31"/>
      <c r="E321" s="10"/>
      <c r="F321" s="363" t="s">
        <v>111</v>
      </c>
    </row>
    <row r="322" spans="3:6" outlineLevel="1">
      <c r="C322" s="54" t="s">
        <v>338</v>
      </c>
      <c r="D322" s="66" t="s">
        <v>235</v>
      </c>
      <c r="E322" s="15" t="s">
        <v>111</v>
      </c>
      <c r="F322" s="360"/>
    </row>
    <row r="323" spans="3:6" outlineLevel="1">
      <c r="C323" s="54"/>
      <c r="D323" s="66"/>
      <c r="E323" s="16"/>
      <c r="F323" s="67"/>
    </row>
    <row r="324" spans="3:6" outlineLevel="1">
      <c r="C324" s="54" t="s">
        <v>19</v>
      </c>
      <c r="D324" s="21"/>
      <c r="E324" s="16"/>
      <c r="F324" s="358" t="s">
        <v>111</v>
      </c>
    </row>
    <row r="325" spans="3:6" ht="13.5" customHeight="1" outlineLevel="1">
      <c r="C325" s="54" t="s">
        <v>337</v>
      </c>
      <c r="D325" s="21" t="s">
        <v>611</v>
      </c>
      <c r="E325" s="15" t="s">
        <v>111</v>
      </c>
      <c r="F325" s="354"/>
    </row>
    <row r="326" spans="3:6" ht="13.5" customHeight="1" outlineLevel="1">
      <c r="C326" s="54"/>
      <c r="D326" s="21" t="s">
        <v>329</v>
      </c>
      <c r="E326" s="15" t="s">
        <v>111</v>
      </c>
      <c r="F326" s="354"/>
    </row>
    <row r="327" spans="3:6" ht="13.5" customHeight="1" outlineLevel="1">
      <c r="C327" s="54" t="s">
        <v>56</v>
      </c>
      <c r="D327" s="21" t="s">
        <v>591</v>
      </c>
      <c r="E327" s="15" t="s">
        <v>111</v>
      </c>
      <c r="F327" s="354"/>
    </row>
    <row r="328" spans="3:6" ht="13.5" customHeight="1" outlineLevel="1">
      <c r="C328" s="54"/>
      <c r="D328" s="66" t="s">
        <v>299</v>
      </c>
      <c r="E328" s="15" t="s">
        <v>111</v>
      </c>
      <c r="F328" s="354"/>
    </row>
    <row r="329" spans="3:6" ht="13.5" customHeight="1" outlineLevel="1">
      <c r="C329" s="54" t="s">
        <v>336</v>
      </c>
      <c r="D329" s="66" t="s">
        <v>291</v>
      </c>
      <c r="E329" s="15" t="s">
        <v>111</v>
      </c>
      <c r="F329" s="354"/>
    </row>
    <row r="330" spans="3:6" ht="19.2" outlineLevel="1">
      <c r="C330" s="54" t="s">
        <v>57</v>
      </c>
      <c r="D330" s="21" t="s">
        <v>576</v>
      </c>
      <c r="E330" s="15" t="s">
        <v>111</v>
      </c>
      <c r="F330" s="360"/>
    </row>
    <row r="331" spans="3:6" ht="12" customHeight="1" outlineLevel="1">
      <c r="C331" s="54"/>
      <c r="D331" s="21"/>
      <c r="E331" s="16"/>
      <c r="F331" s="67"/>
    </row>
    <row r="332" spans="3:6" ht="12" customHeight="1" outlineLevel="1">
      <c r="C332" s="54" t="s">
        <v>21</v>
      </c>
      <c r="D332" s="21"/>
      <c r="E332" s="16"/>
      <c r="F332" s="358" t="s">
        <v>111</v>
      </c>
    </row>
    <row r="333" spans="3:6" ht="12" customHeight="1" outlineLevel="1">
      <c r="C333" s="54" t="s">
        <v>0</v>
      </c>
      <c r="D333" s="21" t="s">
        <v>591</v>
      </c>
      <c r="E333" s="15" t="s">
        <v>111</v>
      </c>
      <c r="F333" s="360"/>
    </row>
    <row r="334" spans="3:6" ht="12" customHeight="1" outlineLevel="1" thickBot="1">
      <c r="C334" s="42"/>
      <c r="D334" s="24"/>
      <c r="E334" s="44"/>
      <c r="F334" s="45"/>
    </row>
    <row r="335" spans="3:6" ht="12" customHeight="1" outlineLevel="1">
      <c r="C335" s="63"/>
      <c r="D335" s="63"/>
      <c r="E335" s="335"/>
      <c r="F335" s="64"/>
    </row>
    <row r="336" spans="3:6" ht="12.6" thickBot="1">
      <c r="C336" s="36" t="s">
        <v>155</v>
      </c>
    </row>
    <row r="337" spans="3:6" ht="12" customHeight="1" outlineLevel="1">
      <c r="C337" s="368" t="s">
        <v>23</v>
      </c>
      <c r="D337" s="370" t="s">
        <v>24</v>
      </c>
      <c r="E337" s="334" t="s">
        <v>125</v>
      </c>
      <c r="F337" s="361" t="s">
        <v>81</v>
      </c>
    </row>
    <row r="338" spans="3:6" outlineLevel="1">
      <c r="C338" s="369"/>
      <c r="D338" s="371"/>
      <c r="E338" s="172" t="s">
        <v>135</v>
      </c>
      <c r="F338" s="362"/>
    </row>
    <row r="339" spans="3:6" ht="12" customHeight="1" outlineLevel="1">
      <c r="C339" s="46" t="s">
        <v>17</v>
      </c>
      <c r="D339" s="31"/>
      <c r="E339" s="10" t="s">
        <v>111</v>
      </c>
      <c r="F339" s="363" t="s">
        <v>111</v>
      </c>
    </row>
    <row r="340" spans="3:6" ht="12" customHeight="1" outlineLevel="1">
      <c r="C340" s="54" t="s">
        <v>331</v>
      </c>
      <c r="D340" s="21" t="s">
        <v>235</v>
      </c>
      <c r="E340" s="15" t="s">
        <v>111</v>
      </c>
      <c r="F340" s="360"/>
    </row>
    <row r="341" spans="3:6" ht="12" customHeight="1" outlineLevel="1">
      <c r="C341" s="54"/>
      <c r="D341" s="21"/>
      <c r="E341" s="16"/>
      <c r="F341" s="67"/>
    </row>
    <row r="342" spans="3:6" ht="12" customHeight="1" outlineLevel="1">
      <c r="C342" s="54" t="s">
        <v>78</v>
      </c>
      <c r="D342" s="21" t="s">
        <v>612</v>
      </c>
      <c r="E342" s="15" t="s">
        <v>111</v>
      </c>
      <c r="F342" s="358" t="s">
        <v>111</v>
      </c>
    </row>
    <row r="343" spans="3:6" ht="12" customHeight="1" outlineLevel="1">
      <c r="C343" s="54"/>
      <c r="D343" s="21" t="s">
        <v>305</v>
      </c>
      <c r="E343" s="15" t="s">
        <v>111</v>
      </c>
      <c r="F343" s="360"/>
    </row>
    <row r="344" spans="3:6" ht="12" customHeight="1" outlineLevel="1" thickBot="1">
      <c r="C344" s="42"/>
      <c r="D344" s="24"/>
      <c r="E344" s="44"/>
      <c r="F344" s="45"/>
    </row>
    <row r="345" spans="3:6" ht="12" customHeight="1">
      <c r="C345" s="63"/>
      <c r="D345" s="63"/>
      <c r="E345" s="64"/>
      <c r="F345" s="64"/>
    </row>
    <row r="346" spans="3:6" ht="12.6" thickBot="1">
      <c r="C346" s="36" t="s">
        <v>386</v>
      </c>
    </row>
    <row r="347" spans="3:6" ht="12" customHeight="1" outlineLevel="1">
      <c r="C347" s="368" t="s">
        <v>23</v>
      </c>
      <c r="D347" s="370" t="s">
        <v>24</v>
      </c>
      <c r="E347" s="334" t="s">
        <v>125</v>
      </c>
      <c r="F347" s="361" t="s">
        <v>81</v>
      </c>
    </row>
    <row r="348" spans="3:6" outlineLevel="1">
      <c r="C348" s="369"/>
      <c r="D348" s="371"/>
      <c r="E348" s="172" t="s">
        <v>135</v>
      </c>
      <c r="F348" s="362"/>
    </row>
    <row r="349" spans="3:6" ht="13.5" customHeight="1" outlineLevel="1">
      <c r="C349" s="54" t="s">
        <v>60</v>
      </c>
      <c r="D349" s="21" t="s">
        <v>312</v>
      </c>
      <c r="E349" s="72"/>
      <c r="F349" s="354"/>
    </row>
    <row r="350" spans="3:6" ht="13.5" customHeight="1" outlineLevel="1">
      <c r="C350" s="54" t="s">
        <v>61</v>
      </c>
      <c r="D350" s="21" t="s">
        <v>312</v>
      </c>
      <c r="E350" s="15" t="s">
        <v>111</v>
      </c>
      <c r="F350" s="354"/>
    </row>
    <row r="351" spans="3:6" ht="12" customHeight="1" outlineLevel="1">
      <c r="C351" s="54" t="s">
        <v>335</v>
      </c>
      <c r="D351" s="21" t="s">
        <v>387</v>
      </c>
      <c r="E351" s="15" t="s">
        <v>111</v>
      </c>
      <c r="F351" s="360"/>
    </row>
    <row r="352" spans="3:6" ht="12" customHeight="1" outlineLevel="1" thickBot="1">
      <c r="C352" s="42"/>
      <c r="D352" s="24"/>
      <c r="E352" s="44"/>
      <c r="F352" s="45"/>
    </row>
    <row r="353" spans="3:6" outlineLevel="1"/>
    <row r="354" spans="3:6" ht="12.6" thickBot="1">
      <c r="C354" s="118" t="s">
        <v>388</v>
      </c>
    </row>
    <row r="355" spans="3:6" ht="12" customHeight="1" outlineLevel="1">
      <c r="C355" s="368" t="s">
        <v>23</v>
      </c>
      <c r="D355" s="370" t="s">
        <v>24</v>
      </c>
      <c r="E355" s="334" t="s">
        <v>125</v>
      </c>
      <c r="F355" s="361" t="s">
        <v>81</v>
      </c>
    </row>
    <row r="356" spans="3:6" outlineLevel="1">
      <c r="C356" s="369"/>
      <c r="D356" s="371"/>
      <c r="E356" s="172" t="s">
        <v>135</v>
      </c>
      <c r="F356" s="362"/>
    </row>
    <row r="357" spans="3:6" s="162" customFormat="1" outlineLevel="1">
      <c r="C357" s="102" t="s">
        <v>112</v>
      </c>
      <c r="D357" s="161" t="s">
        <v>313</v>
      </c>
      <c r="E357" s="72"/>
      <c r="F357" s="331"/>
    </row>
    <row r="358" spans="3:6" s="162" customFormat="1" outlineLevel="1">
      <c r="C358" s="165"/>
      <c r="D358" s="166"/>
      <c r="E358" s="16"/>
      <c r="F358" s="67"/>
    </row>
    <row r="359" spans="3:6" outlineLevel="1">
      <c r="C359" s="54" t="s">
        <v>113</v>
      </c>
      <c r="D359" s="21"/>
      <c r="E359" s="16"/>
      <c r="F359" s="358"/>
    </row>
    <row r="360" spans="3:6" ht="13.5" customHeight="1" outlineLevel="1">
      <c r="C360" s="54" t="s">
        <v>65</v>
      </c>
      <c r="D360" s="21" t="s">
        <v>333</v>
      </c>
      <c r="E360" s="15" t="s">
        <v>111</v>
      </c>
      <c r="F360" s="360"/>
    </row>
    <row r="361" spans="3:6" outlineLevel="1">
      <c r="C361" s="54"/>
      <c r="D361" s="21"/>
      <c r="E361" s="16"/>
      <c r="F361" s="67"/>
    </row>
    <row r="362" spans="3:6" outlineLevel="1">
      <c r="C362" s="54" t="s">
        <v>376</v>
      </c>
      <c r="D362" s="21" t="s">
        <v>332</v>
      </c>
      <c r="E362" s="15" t="s">
        <v>111</v>
      </c>
      <c r="F362" s="358"/>
    </row>
    <row r="363" spans="3:6" ht="19.2" outlineLevel="1">
      <c r="C363" s="54" t="s">
        <v>34</v>
      </c>
      <c r="D363" s="21" t="s">
        <v>377</v>
      </c>
      <c r="E363" s="15" t="s">
        <v>111</v>
      </c>
      <c r="F363" s="354"/>
    </row>
    <row r="364" spans="3:6" ht="13.5" customHeight="1" outlineLevel="1">
      <c r="C364" s="54" t="s">
        <v>47</v>
      </c>
      <c r="D364" s="21" t="s">
        <v>317</v>
      </c>
      <c r="E364" s="15" t="s">
        <v>111</v>
      </c>
      <c r="F364" s="354"/>
    </row>
    <row r="365" spans="3:6" ht="19.2" outlineLevel="1">
      <c r="C365" s="54" t="s">
        <v>9</v>
      </c>
      <c r="D365" s="21" t="s">
        <v>378</v>
      </c>
      <c r="E365" s="15" t="s">
        <v>111</v>
      </c>
      <c r="F365" s="360"/>
    </row>
    <row r="366" spans="3:6" ht="12.6" outlineLevel="1" thickBot="1">
      <c r="C366" s="42"/>
      <c r="D366" s="24"/>
      <c r="E366" s="44"/>
      <c r="F366" s="45"/>
    </row>
    <row r="367" spans="3:6" outlineLevel="1" collapsed="1">
      <c r="C367" s="63"/>
      <c r="D367" s="63"/>
      <c r="E367" s="64"/>
      <c r="F367" s="64"/>
    </row>
    <row r="368" spans="3:6" ht="12.6" thickBot="1">
      <c r="C368" s="36" t="s">
        <v>389</v>
      </c>
    </row>
    <row r="369" spans="3:7" ht="12" customHeight="1" outlineLevel="1">
      <c r="C369" s="368" t="s">
        <v>23</v>
      </c>
      <c r="D369" s="370" t="s">
        <v>24</v>
      </c>
      <c r="E369" s="334" t="s">
        <v>125</v>
      </c>
      <c r="F369" s="361" t="s">
        <v>81</v>
      </c>
    </row>
    <row r="370" spans="3:7" outlineLevel="1">
      <c r="C370" s="369"/>
      <c r="D370" s="371"/>
      <c r="E370" s="172" t="s">
        <v>135</v>
      </c>
      <c r="F370" s="362"/>
    </row>
    <row r="371" spans="3:7" ht="12" customHeight="1" outlineLevel="1">
      <c r="C371" s="46" t="s">
        <v>402</v>
      </c>
      <c r="D371" s="31" t="s">
        <v>318</v>
      </c>
      <c r="E371" s="72"/>
      <c r="F371" s="363" t="s">
        <v>111</v>
      </c>
    </row>
    <row r="372" spans="3:7" ht="12" customHeight="1" outlineLevel="1">
      <c r="C372" s="40"/>
      <c r="D372" s="21" t="s">
        <v>448</v>
      </c>
      <c r="E372" s="15" t="s">
        <v>111</v>
      </c>
      <c r="F372" s="360"/>
    </row>
    <row r="373" spans="3:7" ht="12" customHeight="1" outlineLevel="1" thickBot="1">
      <c r="C373" s="42"/>
      <c r="D373" s="24"/>
      <c r="E373" s="44"/>
      <c r="F373" s="45"/>
    </row>
    <row r="374" spans="3:7" outlineLevel="1"/>
    <row r="375" spans="3:7" ht="12.6" thickBot="1">
      <c r="C375" s="36" t="s">
        <v>390</v>
      </c>
    </row>
    <row r="376" spans="3:7" ht="12" customHeight="1" outlineLevel="1">
      <c r="C376" s="368" t="s">
        <v>23</v>
      </c>
      <c r="D376" s="400" t="s">
        <v>24</v>
      </c>
      <c r="E376" s="334" t="s">
        <v>125</v>
      </c>
      <c r="F376" s="361" t="s">
        <v>81</v>
      </c>
    </row>
    <row r="377" spans="3:7" outlineLevel="1">
      <c r="C377" s="369"/>
      <c r="D377" s="401"/>
      <c r="E377" s="172" t="s">
        <v>135</v>
      </c>
      <c r="F377" s="362"/>
    </row>
    <row r="378" spans="3:7" ht="12" customHeight="1" outlineLevel="1">
      <c r="C378" s="190" t="s">
        <v>413</v>
      </c>
      <c r="D378" s="180" t="s">
        <v>449</v>
      </c>
      <c r="E378" s="72"/>
      <c r="F378" s="331"/>
    </row>
    <row r="379" spans="3:7" ht="12" customHeight="1" outlineLevel="1" thickBot="1">
      <c r="C379" s="42"/>
      <c r="D379" s="24"/>
      <c r="E379" s="44"/>
      <c r="F379" s="45"/>
    </row>
    <row r="380" spans="3:7" outlineLevel="1"/>
    <row r="381" spans="3:7" ht="12.6" thickBot="1">
      <c r="C381" s="36" t="s">
        <v>450</v>
      </c>
      <c r="G381" s="35"/>
    </row>
    <row r="382" spans="3:7" ht="12" customHeight="1" outlineLevel="1">
      <c r="C382" s="368" t="s">
        <v>23</v>
      </c>
      <c r="D382" s="395" t="s">
        <v>24</v>
      </c>
      <c r="E382" s="191" t="s">
        <v>125</v>
      </c>
      <c r="F382" s="361" t="s">
        <v>81</v>
      </c>
      <c r="G382" s="397"/>
    </row>
    <row r="383" spans="3:7" outlineLevel="1">
      <c r="C383" s="369"/>
      <c r="D383" s="396"/>
      <c r="E383" s="172" t="s">
        <v>135</v>
      </c>
      <c r="F383" s="362"/>
      <c r="G383" s="397"/>
    </row>
    <row r="384" spans="3:7" ht="12" customHeight="1" outlineLevel="1">
      <c r="C384" s="190" t="s">
        <v>461</v>
      </c>
      <c r="D384" s="192" t="s">
        <v>462</v>
      </c>
      <c r="E384" s="72"/>
      <c r="F384" s="331"/>
      <c r="G384" s="398"/>
    </row>
    <row r="385" spans="3:7" ht="12" customHeight="1" outlineLevel="1" thickBot="1">
      <c r="C385" s="42"/>
      <c r="D385" s="193"/>
      <c r="E385" s="44"/>
      <c r="F385" s="45"/>
      <c r="G385" s="398"/>
    </row>
    <row r="386" spans="3:7" outlineLevel="1"/>
    <row r="387" spans="3:7" ht="12.6" thickBot="1">
      <c r="C387" s="168" t="s">
        <v>451</v>
      </c>
      <c r="D387" s="169"/>
      <c r="E387" s="64"/>
      <c r="F387" s="64"/>
    </row>
    <row r="388" spans="3:7" ht="12" customHeight="1" outlineLevel="1">
      <c r="C388" s="374" t="s">
        <v>23</v>
      </c>
      <c r="D388" s="376" t="s">
        <v>24</v>
      </c>
      <c r="E388" s="334" t="s">
        <v>125</v>
      </c>
      <c r="F388" s="361" t="s">
        <v>81</v>
      </c>
    </row>
    <row r="389" spans="3:7" outlineLevel="1">
      <c r="C389" s="375"/>
      <c r="D389" s="377"/>
      <c r="E389" s="172" t="s">
        <v>135</v>
      </c>
      <c r="F389" s="362"/>
    </row>
    <row r="390" spans="3:7" outlineLevel="1">
      <c r="C390" s="190" t="s">
        <v>452</v>
      </c>
      <c r="D390" s="66" t="s">
        <v>453</v>
      </c>
      <c r="E390" s="72"/>
      <c r="F390" s="331"/>
    </row>
    <row r="391" spans="3:7" ht="12.6" outlineLevel="1" thickBot="1">
      <c r="C391" s="42"/>
      <c r="D391" s="113"/>
      <c r="E391" s="44"/>
      <c r="F391" s="45"/>
    </row>
    <row r="392" spans="3:7" outlineLevel="1"/>
  </sheetData>
  <mergeCells count="144">
    <mergeCell ref="F249:F250"/>
    <mergeCell ref="F319:F320"/>
    <mergeCell ref="F337:F338"/>
    <mergeCell ref="F347:F348"/>
    <mergeCell ref="F355:F356"/>
    <mergeCell ref="F279:F280"/>
    <mergeCell ref="F231:F234"/>
    <mergeCell ref="F240:F241"/>
    <mergeCell ref="F243:F245"/>
    <mergeCell ref="F256:F257"/>
    <mergeCell ref="F259:F261"/>
    <mergeCell ref="F315:F316"/>
    <mergeCell ref="C388:C389"/>
    <mergeCell ref="D388:D389"/>
    <mergeCell ref="F11:F12"/>
    <mergeCell ref="F25:F26"/>
    <mergeCell ref="F62:F63"/>
    <mergeCell ref="F83:F84"/>
    <mergeCell ref="F103:F104"/>
    <mergeCell ref="F147:F148"/>
    <mergeCell ref="F154:F155"/>
    <mergeCell ref="F172:F173"/>
    <mergeCell ref="F186:F187"/>
    <mergeCell ref="F195:F196"/>
    <mergeCell ref="F203:F204"/>
    <mergeCell ref="C376:C377"/>
    <mergeCell ref="D376:D377"/>
    <mergeCell ref="C369:C370"/>
    <mergeCell ref="C337:C338"/>
    <mergeCell ref="D337:D338"/>
    <mergeCell ref="C319:C320"/>
    <mergeCell ref="C355:C356"/>
    <mergeCell ref="D355:D356"/>
    <mergeCell ref="C347:C348"/>
    <mergeCell ref="D347:D348"/>
    <mergeCell ref="D319:D320"/>
    <mergeCell ref="C300:C301"/>
    <mergeCell ref="D300:D301"/>
    <mergeCell ref="C313:C314"/>
    <mergeCell ref="D313:D314"/>
    <mergeCell ref="F300:F301"/>
    <mergeCell ref="F313:F314"/>
    <mergeCell ref="F294:F295"/>
    <mergeCell ref="C265:C266"/>
    <mergeCell ref="D265:D266"/>
    <mergeCell ref="F302:F306"/>
    <mergeCell ref="F308:F309"/>
    <mergeCell ref="F265:F266"/>
    <mergeCell ref="C294:C295"/>
    <mergeCell ref="D294:D295"/>
    <mergeCell ref="C279:C280"/>
    <mergeCell ref="D279:D280"/>
    <mergeCell ref="F284:F285"/>
    <mergeCell ref="F287:F289"/>
    <mergeCell ref="F269:F270"/>
    <mergeCell ref="F272:F273"/>
    <mergeCell ref="F281:F282"/>
    <mergeCell ref="C254:C255"/>
    <mergeCell ref="D254:D255"/>
    <mergeCell ref="C238:C239"/>
    <mergeCell ref="D238:D239"/>
    <mergeCell ref="F238:F239"/>
    <mergeCell ref="F254:F255"/>
    <mergeCell ref="F215:F216"/>
    <mergeCell ref="C154:C155"/>
    <mergeCell ref="D154:D155"/>
    <mergeCell ref="D203:D204"/>
    <mergeCell ref="C195:C196"/>
    <mergeCell ref="D195:D196"/>
    <mergeCell ref="C186:C187"/>
    <mergeCell ref="D186:D187"/>
    <mergeCell ref="C172:C173"/>
    <mergeCell ref="D172:D173"/>
    <mergeCell ref="C203:C204"/>
    <mergeCell ref="F174:F181"/>
    <mergeCell ref="F190:F191"/>
    <mergeCell ref="F197:F198"/>
    <mergeCell ref="F205:F206"/>
    <mergeCell ref="F209:F211"/>
    <mergeCell ref="F217:F218"/>
    <mergeCell ref="F224:F225"/>
    <mergeCell ref="C147:C148"/>
    <mergeCell ref="D147:D148"/>
    <mergeCell ref="C103:C104"/>
    <mergeCell ref="D103:D104"/>
    <mergeCell ref="C229:C230"/>
    <mergeCell ref="C222:C223"/>
    <mergeCell ref="C215:C216"/>
    <mergeCell ref="D215:D216"/>
    <mergeCell ref="C83:C84"/>
    <mergeCell ref="D83:D84"/>
    <mergeCell ref="D229:D230"/>
    <mergeCell ref="D222:D223"/>
    <mergeCell ref="C25:C26"/>
    <mergeCell ref="D25:D26"/>
    <mergeCell ref="C4:C5"/>
    <mergeCell ref="D4:D5"/>
    <mergeCell ref="C11:C12"/>
    <mergeCell ref="D11:D12"/>
    <mergeCell ref="C62:C63"/>
    <mergeCell ref="D62:D63"/>
    <mergeCell ref="F130:F133"/>
    <mergeCell ref="F64:F68"/>
    <mergeCell ref="F388:F389"/>
    <mergeCell ref="F156:F157"/>
    <mergeCell ref="F4:F5"/>
    <mergeCell ref="F6:F7"/>
    <mergeCell ref="F13:F21"/>
    <mergeCell ref="F31:F34"/>
    <mergeCell ref="F70:F73"/>
    <mergeCell ref="F75:F77"/>
    <mergeCell ref="F85:F87"/>
    <mergeCell ref="F105:F109"/>
    <mergeCell ref="F40:F42"/>
    <mergeCell ref="F44:F46"/>
    <mergeCell ref="F48:F51"/>
    <mergeCell ref="F53:F56"/>
    <mergeCell ref="F89:F93"/>
    <mergeCell ref="F95:F97"/>
    <mergeCell ref="F111:F123"/>
    <mergeCell ref="F125:F128"/>
    <mergeCell ref="F137:F142"/>
    <mergeCell ref="F149:F150"/>
    <mergeCell ref="F159:F160"/>
    <mergeCell ref="F229:F230"/>
    <mergeCell ref="F222:F223"/>
    <mergeCell ref="F162:F166"/>
    <mergeCell ref="C382:C383"/>
    <mergeCell ref="D382:D383"/>
    <mergeCell ref="G382:G383"/>
    <mergeCell ref="G384:G385"/>
    <mergeCell ref="F382:F383"/>
    <mergeCell ref="F321:F322"/>
    <mergeCell ref="F324:F330"/>
    <mergeCell ref="F332:F333"/>
    <mergeCell ref="F339:F340"/>
    <mergeCell ref="F342:F343"/>
    <mergeCell ref="F349:F351"/>
    <mergeCell ref="F359:F360"/>
    <mergeCell ref="F362:F365"/>
    <mergeCell ref="F371:F372"/>
    <mergeCell ref="D369:D370"/>
    <mergeCell ref="F369:F370"/>
    <mergeCell ref="F376:F377"/>
  </mergeCells>
  <phoneticPr fontId="12"/>
  <printOptions horizontalCentered="1"/>
  <pageMargins left="0.59055118110236227" right="0.59055118110236227" top="0.78740157480314965" bottom="0.59055118110236227" header="0.31496062992125984" footer="0.31496062992125984"/>
  <pageSetup paperSize="9" fitToHeight="73" orientation="portrait" useFirstPageNumber="1" r:id="rId1"/>
  <headerFooter alignWithMargins="0"/>
  <rowBreaks count="12" manualBreakCount="12">
    <brk id="23" min="1" max="6" man="1"/>
    <brk id="58" min="1" max="6" man="1"/>
    <brk id="81" min="1" max="6" man="1"/>
    <brk id="101" min="1" max="6" man="1"/>
    <brk id="144" min="1" max="6" man="1"/>
    <brk id="170" min="1" max="6" man="1"/>
    <brk id="227" min="1" max="6" man="1"/>
    <brk id="252" min="1" max="6" man="1"/>
    <brk id="277" min="1" max="6" man="1"/>
    <brk id="291" min="1" max="6" man="1"/>
    <brk id="317" min="1" max="6" man="1"/>
    <brk id="345" min="1" max="6"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8"/>
  <sheetViews>
    <sheetView showGridLines="0" view="pageBreakPreview" zoomScale="90" zoomScaleNormal="100" zoomScaleSheetLayoutView="90" workbookViewId="0">
      <selection activeCell="F15" sqref="F15"/>
    </sheetView>
  </sheetViews>
  <sheetFormatPr defaultColWidth="9" defaultRowHeight="13.2"/>
  <cols>
    <col min="1" max="16384" width="9" style="13"/>
  </cols>
  <sheetData>
    <row r="1" spans="1:9">
      <c r="A1" s="1"/>
      <c r="B1" s="2"/>
      <c r="C1" s="2"/>
      <c r="D1" s="2"/>
      <c r="E1" s="2"/>
      <c r="F1" s="2"/>
      <c r="G1" s="2"/>
      <c r="H1" s="2"/>
    </row>
    <row r="2" spans="1:9">
      <c r="A2" s="1"/>
      <c r="B2" s="2"/>
      <c r="C2" s="2"/>
      <c r="D2" s="2"/>
      <c r="E2" s="2"/>
      <c r="F2" s="2"/>
      <c r="G2" s="2"/>
      <c r="H2" s="2"/>
    </row>
    <row r="3" spans="1:9">
      <c r="A3" s="1"/>
      <c r="B3" s="2"/>
      <c r="C3" s="2"/>
      <c r="D3" s="345"/>
      <c r="E3" s="345"/>
      <c r="F3" s="2"/>
      <c r="G3" s="2"/>
      <c r="H3" s="2"/>
    </row>
    <row r="4" spans="1:9">
      <c r="A4" s="1"/>
      <c r="B4" s="2"/>
      <c r="C4" s="2"/>
      <c r="D4" s="345"/>
      <c r="E4" s="345"/>
      <c r="F4" s="2"/>
      <c r="G4" s="2"/>
      <c r="H4" s="2"/>
    </row>
    <row r="5" spans="1:9">
      <c r="A5" s="1"/>
      <c r="B5" s="2"/>
      <c r="C5" s="2"/>
      <c r="D5" s="2"/>
      <c r="E5" s="2"/>
      <c r="F5" s="2"/>
      <c r="G5" s="2"/>
      <c r="H5" s="2"/>
    </row>
    <row r="6" spans="1:9">
      <c r="A6" s="1"/>
      <c r="B6" s="2"/>
      <c r="C6" s="2"/>
      <c r="D6" s="2"/>
      <c r="E6" s="2"/>
      <c r="F6" s="2"/>
      <c r="G6" s="2"/>
      <c r="H6" s="2"/>
    </row>
    <row r="7" spans="1:9">
      <c r="A7" s="1"/>
      <c r="B7" s="2"/>
      <c r="C7" s="2"/>
      <c r="D7" s="2"/>
      <c r="E7" s="2"/>
      <c r="F7" s="2"/>
      <c r="G7" s="2"/>
      <c r="H7" s="2"/>
    </row>
    <row r="8" spans="1:9">
      <c r="A8" s="1"/>
      <c r="B8" s="2"/>
      <c r="C8" s="2"/>
      <c r="D8" s="2"/>
      <c r="E8" s="2"/>
      <c r="F8" s="2"/>
      <c r="G8" s="2"/>
      <c r="H8" s="2"/>
    </row>
    <row r="9" spans="1:9" ht="19.2">
      <c r="A9" s="346" t="s">
        <v>872</v>
      </c>
      <c r="B9" s="346"/>
      <c r="C9" s="346"/>
      <c r="D9" s="346"/>
      <c r="E9" s="346"/>
      <c r="F9" s="346"/>
      <c r="G9" s="346"/>
      <c r="H9" s="346"/>
      <c r="I9" s="346"/>
    </row>
    <row r="10" spans="1:9">
      <c r="A10" s="3"/>
      <c r="B10" s="2"/>
      <c r="C10" s="2"/>
      <c r="D10" s="2"/>
      <c r="E10" s="2"/>
      <c r="F10" s="2"/>
      <c r="G10" s="2"/>
      <c r="H10" s="2"/>
    </row>
    <row r="11" spans="1:9" ht="16.2">
      <c r="A11" s="348"/>
      <c r="B11" s="348"/>
      <c r="C11" s="348"/>
      <c r="D11" s="348"/>
      <c r="E11" s="348"/>
      <c r="F11" s="348"/>
      <c r="G11" s="348"/>
      <c r="H11" s="348"/>
      <c r="I11" s="348"/>
    </row>
    <row r="12" spans="1:9">
      <c r="A12" s="3"/>
      <c r="B12" s="2"/>
      <c r="C12" s="2"/>
      <c r="D12" s="2"/>
      <c r="E12" s="2"/>
      <c r="F12" s="2"/>
      <c r="G12" s="2"/>
      <c r="H12" s="2"/>
    </row>
    <row r="13" spans="1:9">
      <c r="A13" s="349"/>
      <c r="B13" s="349"/>
      <c r="C13" s="349"/>
      <c r="D13" s="349"/>
      <c r="E13" s="349"/>
      <c r="F13" s="349"/>
      <c r="G13" s="349"/>
      <c r="H13" s="349"/>
    </row>
    <row r="14" spans="1:9">
      <c r="A14" s="3"/>
      <c r="B14" s="2"/>
      <c r="C14" s="2"/>
      <c r="D14" s="2"/>
      <c r="E14" s="2"/>
      <c r="F14" s="2"/>
      <c r="G14" s="2"/>
      <c r="H14" s="2"/>
    </row>
    <row r="15" spans="1:9">
      <c r="A15" s="3"/>
      <c r="B15" s="2"/>
      <c r="C15" s="2"/>
      <c r="D15" s="2"/>
      <c r="E15" s="2"/>
      <c r="F15" s="2"/>
      <c r="G15" s="2"/>
      <c r="H15" s="2"/>
    </row>
    <row r="16" spans="1:9">
      <c r="A16" s="4"/>
      <c r="B16" s="4"/>
      <c r="C16" s="2"/>
      <c r="D16" s="2"/>
      <c r="E16" s="2"/>
      <c r="F16" s="2"/>
      <c r="G16" s="2"/>
      <c r="H16" s="2"/>
    </row>
    <row r="17" spans="1:8">
      <c r="A17" s="3"/>
      <c r="B17" s="2"/>
      <c r="C17" s="2"/>
      <c r="D17" s="2"/>
      <c r="E17" s="2"/>
      <c r="F17" s="2"/>
      <c r="G17" s="2"/>
      <c r="H17" s="2"/>
    </row>
    <row r="18" spans="1:8" ht="14.4">
      <c r="A18" s="350" t="s">
        <v>118</v>
      </c>
      <c r="B18" s="350"/>
      <c r="C18" s="5"/>
      <c r="D18" s="5"/>
      <c r="E18" s="5"/>
      <c r="F18" s="5"/>
      <c r="G18" s="5"/>
      <c r="H18" s="5"/>
    </row>
    <row r="19" spans="1:8" ht="14.4">
      <c r="A19" s="329"/>
      <c r="B19" s="329"/>
      <c r="C19" s="6"/>
      <c r="D19" s="6"/>
      <c r="E19" s="6"/>
      <c r="F19" s="6"/>
      <c r="G19" s="6"/>
      <c r="H19" s="6"/>
    </row>
    <row r="20" spans="1:8" ht="14.4">
      <c r="A20" s="329"/>
      <c r="B20" s="329"/>
      <c r="C20" s="6"/>
      <c r="D20" s="6"/>
      <c r="E20" s="6"/>
      <c r="F20" s="6"/>
      <c r="G20" s="6"/>
      <c r="H20" s="6"/>
    </row>
    <row r="21" spans="1:8" ht="14.4">
      <c r="A21" s="329"/>
      <c r="B21" s="329"/>
      <c r="C21" s="6"/>
      <c r="D21" s="6"/>
      <c r="E21" s="6"/>
      <c r="F21" s="6"/>
      <c r="G21" s="6"/>
      <c r="H21" s="6"/>
    </row>
    <row r="22" spans="1:8" ht="14.25" customHeight="1">
      <c r="A22" s="403" t="s">
        <v>121</v>
      </c>
      <c r="B22" s="403"/>
      <c r="C22" s="5"/>
      <c r="D22" s="5"/>
      <c r="E22" s="5"/>
      <c r="F22" s="5"/>
      <c r="G22" s="5"/>
      <c r="H22" s="5"/>
    </row>
    <row r="23" spans="1:8" ht="14.25" customHeight="1">
      <c r="A23" s="329"/>
      <c r="B23" s="329"/>
      <c r="C23" s="6"/>
      <c r="D23" s="6"/>
      <c r="E23" s="6"/>
      <c r="F23" s="6"/>
      <c r="G23" s="6"/>
      <c r="H23" s="6"/>
    </row>
    <row r="24" spans="1:8">
      <c r="A24" s="3"/>
      <c r="B24" s="2"/>
      <c r="C24" s="2"/>
      <c r="D24" s="2"/>
      <c r="E24" s="2"/>
      <c r="F24" s="2"/>
      <c r="G24" s="2"/>
      <c r="H24" s="2"/>
    </row>
    <row r="25" spans="1:8">
      <c r="A25" s="3"/>
      <c r="B25" s="2"/>
      <c r="C25" s="2"/>
      <c r="D25" s="2"/>
      <c r="E25" s="2"/>
      <c r="F25" s="2"/>
      <c r="G25" s="2"/>
      <c r="H25" s="2"/>
    </row>
    <row r="26" spans="1:8" ht="14.4">
      <c r="A26" s="352" t="s">
        <v>119</v>
      </c>
      <c r="B26" s="352"/>
      <c r="C26" s="5"/>
      <c r="D26" s="5"/>
      <c r="E26" s="5"/>
      <c r="F26" s="5"/>
      <c r="G26" s="5"/>
      <c r="H26" s="5"/>
    </row>
    <row r="27" spans="1:8" ht="14.4">
      <c r="A27" s="7"/>
      <c r="B27" s="7"/>
      <c r="C27" s="2"/>
      <c r="D27" s="2"/>
      <c r="E27" s="2"/>
      <c r="F27" s="2"/>
      <c r="G27" s="2"/>
      <c r="H27" s="2"/>
    </row>
    <row r="28" spans="1:8">
      <c r="A28" s="3"/>
      <c r="B28" s="2"/>
      <c r="C28" s="2"/>
      <c r="D28" s="2"/>
      <c r="E28" s="2"/>
      <c r="F28" s="2"/>
      <c r="G28" s="2"/>
      <c r="H28" s="2"/>
    </row>
    <row r="29" spans="1:8">
      <c r="A29" s="3"/>
      <c r="B29" s="2"/>
      <c r="C29" s="2"/>
      <c r="D29" s="2"/>
      <c r="E29" s="2"/>
      <c r="F29" s="2"/>
      <c r="G29" s="2"/>
      <c r="H29" s="2"/>
    </row>
    <row r="30" spans="1:8">
      <c r="A30" s="3"/>
      <c r="B30" s="2"/>
      <c r="C30" s="2"/>
      <c r="D30" s="2"/>
      <c r="E30" s="2"/>
      <c r="F30" s="2"/>
      <c r="G30" s="2"/>
      <c r="H30" s="2"/>
    </row>
    <row r="31" spans="1:8" ht="14.4">
      <c r="A31" s="350" t="s">
        <v>120</v>
      </c>
      <c r="B31" s="350"/>
      <c r="C31" s="2"/>
      <c r="D31" s="2"/>
      <c r="E31" s="2"/>
      <c r="F31" s="2"/>
      <c r="G31" s="2"/>
      <c r="H31" s="2"/>
    </row>
    <row r="32" spans="1:8">
      <c r="A32" s="3"/>
      <c r="B32" s="2"/>
      <c r="C32" s="2"/>
      <c r="D32" s="8"/>
      <c r="E32" s="2"/>
      <c r="F32" s="2"/>
      <c r="G32" s="2"/>
      <c r="H32" s="2"/>
    </row>
    <row r="33" spans="1:8">
      <c r="A33" s="3"/>
      <c r="B33" s="2"/>
      <c r="C33" s="2"/>
      <c r="D33" s="2"/>
      <c r="E33" s="2"/>
      <c r="F33" s="2"/>
      <c r="G33" s="2"/>
      <c r="H33" s="2"/>
    </row>
    <row r="34" spans="1:8">
      <c r="A34" s="3"/>
      <c r="B34" s="344" t="s">
        <v>100</v>
      </c>
      <c r="C34" s="344"/>
      <c r="D34" s="344"/>
      <c r="E34" s="353"/>
      <c r="F34" s="353"/>
      <c r="G34" s="353"/>
      <c r="H34" s="353"/>
    </row>
    <row r="35" spans="1:8">
      <c r="A35" s="3"/>
      <c r="B35" s="2"/>
      <c r="C35" s="2"/>
      <c r="D35" s="2"/>
      <c r="E35" s="2"/>
      <c r="F35" s="2"/>
      <c r="G35" s="2"/>
      <c r="H35" s="2"/>
    </row>
    <row r="36" spans="1:8">
      <c r="A36" s="3"/>
      <c r="B36" s="2"/>
      <c r="C36" s="2"/>
      <c r="D36" s="2"/>
      <c r="E36" s="2"/>
      <c r="F36" s="2"/>
      <c r="G36" s="2"/>
      <c r="H36" s="2"/>
    </row>
    <row r="37" spans="1:8">
      <c r="A37" s="3"/>
      <c r="B37" s="2"/>
      <c r="C37" s="2"/>
      <c r="D37" s="2"/>
      <c r="E37" s="2"/>
      <c r="F37" s="2"/>
      <c r="G37" s="2"/>
      <c r="H37" s="2"/>
    </row>
    <row r="38" spans="1:8">
      <c r="A38" s="2"/>
      <c r="B38" s="344" t="s">
        <v>101</v>
      </c>
      <c r="C38" s="344"/>
      <c r="D38" s="344"/>
      <c r="E38" s="5"/>
      <c r="F38" s="5"/>
      <c r="G38" s="5"/>
      <c r="H38" s="5"/>
    </row>
    <row r="39" spans="1:8">
      <c r="A39" s="3"/>
      <c r="B39" s="2"/>
      <c r="C39" s="2"/>
      <c r="D39" s="2"/>
      <c r="E39" s="2"/>
      <c r="F39" s="2"/>
      <c r="G39" s="2"/>
      <c r="H39" s="2"/>
    </row>
    <row r="40" spans="1:8">
      <c r="A40" s="3"/>
      <c r="B40" s="2"/>
      <c r="C40" s="2"/>
      <c r="D40" s="2"/>
      <c r="E40" s="2"/>
      <c r="F40" s="2"/>
      <c r="G40" s="2"/>
      <c r="H40" s="2"/>
    </row>
    <row r="41" spans="1:8">
      <c r="A41" s="3"/>
      <c r="B41" s="2"/>
      <c r="C41" s="2"/>
      <c r="D41" s="2"/>
      <c r="E41" s="2"/>
      <c r="F41" s="2"/>
      <c r="G41" s="2"/>
      <c r="H41" s="2"/>
    </row>
    <row r="42" spans="1:8">
      <c r="A42" s="2"/>
      <c r="B42" s="344" t="s">
        <v>102</v>
      </c>
      <c r="C42" s="344"/>
      <c r="D42" s="344"/>
      <c r="E42" s="5"/>
      <c r="F42" s="5"/>
      <c r="G42" s="5"/>
      <c r="H42" s="5"/>
    </row>
    <row r="43" spans="1:8">
      <c r="A43" s="3"/>
      <c r="B43" s="2"/>
      <c r="C43" s="2"/>
      <c r="D43" s="2"/>
      <c r="E43" s="2"/>
      <c r="F43" s="2"/>
      <c r="G43" s="2"/>
      <c r="H43" s="2"/>
    </row>
    <row r="44" spans="1:8">
      <c r="A44" s="3"/>
      <c r="B44" s="2"/>
      <c r="C44" s="2"/>
      <c r="D44" s="2"/>
      <c r="E44" s="2"/>
      <c r="F44" s="2"/>
      <c r="G44" s="2"/>
      <c r="H44" s="2"/>
    </row>
    <row r="45" spans="1:8">
      <c r="A45" s="3"/>
      <c r="B45" s="2"/>
      <c r="C45" s="2"/>
      <c r="D45" s="2"/>
      <c r="E45" s="2"/>
      <c r="F45" s="2"/>
      <c r="G45" s="2"/>
      <c r="H45" s="2"/>
    </row>
    <row r="46" spans="1:8">
      <c r="A46" s="3"/>
      <c r="B46" s="2"/>
      <c r="C46" s="2"/>
      <c r="D46" s="2"/>
      <c r="E46" s="5"/>
      <c r="F46" s="5"/>
      <c r="G46" s="5"/>
      <c r="H46" s="5"/>
    </row>
    <row r="47" spans="1:8">
      <c r="A47" s="3"/>
      <c r="B47" s="2"/>
      <c r="C47" s="2"/>
      <c r="D47" s="2"/>
      <c r="E47" s="2"/>
      <c r="F47" s="2"/>
      <c r="G47" s="2"/>
      <c r="H47" s="2"/>
    </row>
    <row r="48" spans="1:8">
      <c r="A48" s="3"/>
      <c r="B48" s="2"/>
      <c r="C48" s="2"/>
      <c r="D48" s="2"/>
      <c r="E48" s="2"/>
      <c r="F48" s="2"/>
      <c r="G48" s="2"/>
      <c r="H48" s="2"/>
    </row>
    <row r="49" spans="1:8">
      <c r="A49" s="3"/>
      <c r="B49" s="2"/>
      <c r="C49" s="2"/>
      <c r="D49" s="2"/>
      <c r="E49" s="2"/>
      <c r="F49" s="2"/>
      <c r="G49" s="2"/>
      <c r="H49" s="2"/>
    </row>
    <row r="50" spans="1:8">
      <c r="A50" s="3"/>
      <c r="B50" s="2"/>
      <c r="C50" s="2"/>
      <c r="D50" s="2"/>
      <c r="E50" s="5"/>
      <c r="F50" s="5"/>
      <c r="G50" s="5"/>
      <c r="H50" s="5"/>
    </row>
    <row r="51" spans="1:8">
      <c r="A51" s="3"/>
      <c r="B51" s="2"/>
      <c r="C51" s="2"/>
      <c r="D51" s="2"/>
      <c r="E51" s="2"/>
      <c r="F51" s="2"/>
      <c r="G51" s="2"/>
      <c r="H51" s="2"/>
    </row>
    <row r="52" spans="1:8">
      <c r="A52" s="3"/>
      <c r="B52" s="2"/>
      <c r="C52" s="2"/>
      <c r="D52" s="2"/>
      <c r="E52" s="2"/>
      <c r="F52" s="2"/>
      <c r="G52" s="2"/>
      <c r="H52" s="2"/>
    </row>
    <row r="53" spans="1:8" ht="14.4">
      <c r="A53" s="14"/>
      <c r="B53" s="14"/>
      <c r="C53" s="14"/>
      <c r="D53" s="14"/>
      <c r="E53" s="2"/>
      <c r="F53" s="2"/>
      <c r="G53" s="2"/>
      <c r="H53" s="2"/>
    </row>
    <row r="54" spans="1:8">
      <c r="A54" s="3"/>
      <c r="B54" s="2"/>
      <c r="C54" s="2"/>
      <c r="D54" s="2"/>
      <c r="E54" s="5"/>
      <c r="F54" s="5"/>
      <c r="G54" s="5"/>
      <c r="H54" s="5"/>
    </row>
    <row r="55" spans="1:8" ht="14.4">
      <c r="A55" s="14"/>
      <c r="B55" s="14"/>
      <c r="C55" s="14"/>
      <c r="D55" s="14"/>
      <c r="E55" s="2"/>
      <c r="F55" s="2"/>
      <c r="G55" s="2"/>
      <c r="H55" s="2"/>
    </row>
    <row r="56" spans="1:8">
      <c r="A56" s="3"/>
      <c r="B56" s="2"/>
      <c r="C56" s="2"/>
      <c r="D56" s="2"/>
      <c r="E56" s="2"/>
      <c r="F56" s="2"/>
      <c r="G56" s="2"/>
      <c r="H56" s="2"/>
    </row>
    <row r="57" spans="1:8">
      <c r="E57" s="2"/>
      <c r="F57" s="2"/>
      <c r="G57" s="2"/>
      <c r="H57" s="2"/>
    </row>
    <row r="58" spans="1:8">
      <c r="E58" s="5"/>
      <c r="F58" s="5"/>
      <c r="G58" s="5"/>
      <c r="H58" s="5"/>
    </row>
  </sheetData>
  <mergeCells count="12">
    <mergeCell ref="B42:D42"/>
    <mergeCell ref="D3:E4"/>
    <mergeCell ref="A9:I9"/>
    <mergeCell ref="A11:I11"/>
    <mergeCell ref="A13:H13"/>
    <mergeCell ref="A18:B18"/>
    <mergeCell ref="A22:B22"/>
    <mergeCell ref="A26:B26"/>
    <mergeCell ref="A31:B31"/>
    <mergeCell ref="B34:D34"/>
    <mergeCell ref="E34:H34"/>
    <mergeCell ref="B38:D38"/>
  </mergeCells>
  <phoneticPr fontId="12"/>
  <printOptions horizontalCentered="1"/>
  <pageMargins left="0.70866141732283472" right="0.70866141732283472" top="0.74803149606299213" bottom="0.74803149606299213" header="0.31496062992125984" footer="0.31496062992125984"/>
  <pageSetup paperSize="9"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05"/>
  <sheetViews>
    <sheetView showGridLines="0" view="pageBreakPreview" zoomScale="130" zoomScaleNormal="110" zoomScaleSheetLayoutView="130" workbookViewId="0">
      <selection activeCell="B35" sqref="B35"/>
    </sheetView>
  </sheetViews>
  <sheetFormatPr defaultColWidth="9" defaultRowHeight="9.6"/>
  <cols>
    <col min="1" max="1" width="15.21875" style="196" customWidth="1"/>
    <col min="2" max="2" width="69.21875" style="196" customWidth="1"/>
    <col min="3" max="3" width="2.21875" style="196" customWidth="1"/>
    <col min="4" max="4" width="2.21875" style="197" customWidth="1"/>
    <col min="5" max="16384" width="9" style="198"/>
  </cols>
  <sheetData>
    <row r="1" spans="1:10" ht="12" customHeight="1">
      <c r="A1" s="194" t="s">
        <v>613</v>
      </c>
      <c r="B1" s="195"/>
    </row>
    <row r="2" spans="1:10" ht="12" customHeight="1">
      <c r="A2" s="199"/>
      <c r="B2" s="195"/>
    </row>
    <row r="3" spans="1:10" ht="12" customHeight="1">
      <c r="A3" s="200" t="s">
        <v>614</v>
      </c>
      <c r="B3" s="195"/>
      <c r="H3" s="201"/>
      <c r="I3" s="201"/>
      <c r="J3" s="201"/>
    </row>
    <row r="4" spans="1:10" ht="12" customHeight="1" thickBot="1">
      <c r="A4" s="199" t="s">
        <v>615</v>
      </c>
      <c r="B4" s="195"/>
    </row>
    <row r="5" spans="1:10" ht="12" customHeight="1">
      <c r="A5" s="412" t="s">
        <v>616</v>
      </c>
      <c r="B5" s="423" t="s">
        <v>617</v>
      </c>
      <c r="C5" s="416" t="s">
        <v>618</v>
      </c>
      <c r="D5" s="417"/>
    </row>
    <row r="6" spans="1:10" ht="12" customHeight="1">
      <c r="A6" s="413"/>
      <c r="B6" s="424"/>
      <c r="C6" s="337" t="s">
        <v>619</v>
      </c>
      <c r="D6" s="202" t="s">
        <v>620</v>
      </c>
    </row>
    <row r="7" spans="1:10" ht="12" customHeight="1">
      <c r="A7" s="203" t="s">
        <v>621</v>
      </c>
      <c r="B7" s="204" t="s">
        <v>622</v>
      </c>
      <c r="C7" s="205"/>
      <c r="D7" s="418"/>
    </row>
    <row r="8" spans="1:10" ht="12" customHeight="1">
      <c r="A8" s="206"/>
      <c r="B8" s="207" t="s">
        <v>860</v>
      </c>
      <c r="C8" s="320"/>
      <c r="D8" s="409"/>
    </row>
    <row r="9" spans="1:10" ht="24.9" customHeight="1">
      <c r="A9" s="206"/>
      <c r="B9" s="209" t="s">
        <v>861</v>
      </c>
      <c r="C9" s="320"/>
      <c r="D9" s="409"/>
    </row>
    <row r="10" spans="1:10" ht="24.9" customHeight="1">
      <c r="A10" s="206"/>
      <c r="B10" s="209" t="s">
        <v>862</v>
      </c>
      <c r="C10" s="323"/>
      <c r="D10" s="409"/>
    </row>
    <row r="11" spans="1:10" ht="12" customHeight="1">
      <c r="A11" s="206"/>
      <c r="B11" s="209" t="s">
        <v>863</v>
      </c>
      <c r="C11" s="323"/>
      <c r="D11" s="409"/>
    </row>
    <row r="12" spans="1:10" ht="12" customHeight="1">
      <c r="A12" s="206"/>
      <c r="B12" s="341" t="s">
        <v>851</v>
      </c>
      <c r="C12" s="323"/>
      <c r="D12" s="409"/>
    </row>
    <row r="13" spans="1:10" ht="12" customHeight="1">
      <c r="A13" s="206"/>
      <c r="B13" s="341" t="s">
        <v>852</v>
      </c>
      <c r="C13" s="323"/>
      <c r="D13" s="409"/>
    </row>
    <row r="14" spans="1:10" ht="12" customHeight="1">
      <c r="A14" s="206"/>
      <c r="B14" s="341"/>
      <c r="C14" s="323"/>
      <c r="D14" s="409"/>
    </row>
    <row r="15" spans="1:10" ht="12" customHeight="1">
      <c r="A15" s="206"/>
      <c r="B15" s="209" t="s">
        <v>842</v>
      </c>
      <c r="C15" s="320"/>
      <c r="D15" s="408"/>
    </row>
    <row r="16" spans="1:10" ht="12" customHeight="1" thickBot="1">
      <c r="A16" s="211"/>
      <c r="B16" s="212"/>
      <c r="C16" s="213"/>
      <c r="D16" s="214"/>
    </row>
    <row r="17" spans="1:4" ht="12" customHeight="1">
      <c r="A17" s="195"/>
      <c r="B17" s="195"/>
      <c r="C17" s="195"/>
      <c r="D17" s="215"/>
    </row>
    <row r="18" spans="1:4" ht="12" customHeight="1">
      <c r="A18" s="199" t="s">
        <v>623</v>
      </c>
      <c r="B18" s="216"/>
      <c r="C18" s="216"/>
      <c r="D18" s="217"/>
    </row>
    <row r="19" spans="1:4" ht="12" customHeight="1" thickBot="1">
      <c r="A19" s="199" t="s">
        <v>624</v>
      </c>
      <c r="B19" s="216"/>
      <c r="C19" s="216"/>
      <c r="D19" s="217"/>
    </row>
    <row r="20" spans="1:4" ht="12" customHeight="1">
      <c r="A20" s="412" t="s">
        <v>616</v>
      </c>
      <c r="B20" s="423" t="s">
        <v>617</v>
      </c>
      <c r="C20" s="416" t="s">
        <v>618</v>
      </c>
      <c r="D20" s="417"/>
    </row>
    <row r="21" spans="1:4" ht="12" customHeight="1">
      <c r="A21" s="413"/>
      <c r="B21" s="415"/>
      <c r="C21" s="218" t="s">
        <v>619</v>
      </c>
      <c r="D21" s="202" t="s">
        <v>620</v>
      </c>
    </row>
    <row r="22" spans="1:4" ht="24.9" customHeight="1">
      <c r="A22" s="219" t="s">
        <v>625</v>
      </c>
      <c r="B22" s="204" t="s">
        <v>626</v>
      </c>
      <c r="C22" s="317"/>
      <c r="D22" s="418"/>
    </row>
    <row r="23" spans="1:4" ht="24.9" customHeight="1">
      <c r="A23" s="220"/>
      <c r="B23" s="221" t="s">
        <v>627</v>
      </c>
      <c r="C23" s="320"/>
      <c r="D23" s="409"/>
    </row>
    <row r="24" spans="1:4" ht="24.9" customHeight="1">
      <c r="A24" s="220"/>
      <c r="B24" s="221" t="s">
        <v>628</v>
      </c>
      <c r="C24" s="320"/>
      <c r="D24" s="409"/>
    </row>
    <row r="25" spans="1:4" ht="24.9" customHeight="1">
      <c r="A25" s="220"/>
      <c r="B25" s="221" t="s">
        <v>629</v>
      </c>
      <c r="C25" s="320"/>
      <c r="D25" s="409"/>
    </row>
    <row r="26" spans="1:4" ht="24.9" customHeight="1">
      <c r="A26" s="220"/>
      <c r="B26" s="221" t="s">
        <v>630</v>
      </c>
      <c r="C26" s="320"/>
      <c r="D26" s="409"/>
    </row>
    <row r="27" spans="1:4" ht="12" customHeight="1">
      <c r="A27" s="220"/>
      <c r="B27" s="221" t="s">
        <v>631</v>
      </c>
      <c r="C27" s="320"/>
      <c r="D27" s="409"/>
    </row>
    <row r="28" spans="1:4" ht="12" customHeight="1">
      <c r="A28" s="224"/>
      <c r="B28" s="223"/>
      <c r="C28" s="225"/>
      <c r="D28" s="226"/>
    </row>
    <row r="29" spans="1:4" ht="12" customHeight="1">
      <c r="A29" s="227" t="s">
        <v>632</v>
      </c>
      <c r="B29" s="228" t="s">
        <v>633</v>
      </c>
      <c r="C29" s="320"/>
      <c r="D29" s="279"/>
    </row>
    <row r="30" spans="1:4" ht="12" customHeight="1" thickBot="1">
      <c r="A30" s="211"/>
      <c r="B30" s="212"/>
      <c r="C30" s="230"/>
      <c r="D30" s="231"/>
    </row>
    <row r="31" spans="1:4" ht="12" customHeight="1">
      <c r="A31" s="195"/>
      <c r="B31" s="195"/>
      <c r="C31" s="195"/>
      <c r="D31" s="215"/>
    </row>
    <row r="32" spans="1:4" ht="12" customHeight="1" thickBot="1">
      <c r="A32" s="200" t="s">
        <v>634</v>
      </c>
      <c r="B32" s="216"/>
      <c r="C32" s="216"/>
      <c r="D32" s="217"/>
    </row>
    <row r="33" spans="1:5" ht="12" customHeight="1">
      <c r="A33" s="412" t="s">
        <v>616</v>
      </c>
      <c r="B33" s="419" t="s">
        <v>617</v>
      </c>
      <c r="C33" s="416" t="s">
        <v>618</v>
      </c>
      <c r="D33" s="417"/>
    </row>
    <row r="34" spans="1:5" ht="12" customHeight="1">
      <c r="A34" s="413"/>
      <c r="B34" s="420"/>
      <c r="C34" s="232" t="s">
        <v>619</v>
      </c>
      <c r="D34" s="233" t="s">
        <v>620</v>
      </c>
    </row>
    <row r="35" spans="1:5" ht="12" customHeight="1">
      <c r="A35" s="234" t="s">
        <v>635</v>
      </c>
      <c r="B35" s="208" t="s">
        <v>636</v>
      </c>
      <c r="C35" s="320"/>
      <c r="D35" s="409"/>
    </row>
    <row r="36" spans="1:5" ht="24.9" customHeight="1">
      <c r="A36" s="220"/>
      <c r="B36" s="235" t="s">
        <v>889</v>
      </c>
      <c r="C36" s="320"/>
      <c r="D36" s="409"/>
    </row>
    <row r="37" spans="1:5" ht="24.9" customHeight="1">
      <c r="A37" s="220"/>
      <c r="B37" s="237" t="s">
        <v>637</v>
      </c>
      <c r="C37" s="320"/>
      <c r="D37" s="409"/>
    </row>
    <row r="38" spans="1:5" ht="24.9" customHeight="1">
      <c r="A38" s="220"/>
      <c r="B38" s="238" t="s">
        <v>638</v>
      </c>
      <c r="C38" s="320"/>
      <c r="D38" s="409"/>
    </row>
    <row r="39" spans="1:5" ht="24.9" customHeight="1">
      <c r="A39" s="220"/>
      <c r="B39" s="237" t="s">
        <v>639</v>
      </c>
      <c r="C39" s="320"/>
      <c r="D39" s="409"/>
    </row>
    <row r="40" spans="1:5" ht="12" customHeight="1">
      <c r="A40" s="222"/>
      <c r="B40" s="239" t="s">
        <v>640</v>
      </c>
      <c r="C40" s="320"/>
      <c r="D40" s="408"/>
    </row>
    <row r="41" spans="1:5" ht="12" customHeight="1" thickBot="1">
      <c r="A41" s="240"/>
      <c r="B41" s="212"/>
      <c r="C41" s="230"/>
      <c r="D41" s="231"/>
    </row>
    <row r="42" spans="1:5" ht="12" customHeight="1">
      <c r="A42" s="195"/>
      <c r="B42" s="195"/>
      <c r="C42" s="195"/>
      <c r="D42" s="215"/>
    </row>
    <row r="43" spans="1:5" ht="12" customHeight="1" thickBot="1">
      <c r="A43" s="241" t="s">
        <v>641</v>
      </c>
      <c r="B43" s="242"/>
      <c r="C43" s="217"/>
      <c r="D43" s="217"/>
      <c r="E43" s="243"/>
    </row>
    <row r="44" spans="1:5" ht="12" customHeight="1">
      <c r="A44" s="412" t="s">
        <v>616</v>
      </c>
      <c r="B44" s="419" t="s">
        <v>617</v>
      </c>
      <c r="C44" s="416" t="s">
        <v>618</v>
      </c>
      <c r="D44" s="417"/>
      <c r="E44" s="243"/>
    </row>
    <row r="45" spans="1:5" ht="12" customHeight="1">
      <c r="A45" s="413"/>
      <c r="B45" s="420"/>
      <c r="C45" s="218" t="s">
        <v>619</v>
      </c>
      <c r="D45" s="202" t="s">
        <v>620</v>
      </c>
    </row>
    <row r="46" spans="1:5" ht="35.1" customHeight="1">
      <c r="A46" s="244" t="s">
        <v>642</v>
      </c>
      <c r="B46" s="245" t="s">
        <v>643</v>
      </c>
      <c r="C46" s="317"/>
      <c r="D46" s="418"/>
    </row>
    <row r="47" spans="1:5" ht="24.9" customHeight="1">
      <c r="A47" s="339" t="s">
        <v>644</v>
      </c>
      <c r="B47" s="246" t="s">
        <v>645</v>
      </c>
      <c r="C47" s="320"/>
      <c r="D47" s="409"/>
    </row>
    <row r="48" spans="1:5" ht="12" customHeight="1">
      <c r="A48" s="247" t="s">
        <v>646</v>
      </c>
      <c r="B48" s="248" t="s">
        <v>647</v>
      </c>
      <c r="C48" s="320"/>
      <c r="D48" s="409"/>
    </row>
    <row r="49" spans="1:4" ht="12" customHeight="1">
      <c r="A49" s="249" t="s">
        <v>648</v>
      </c>
      <c r="B49" s="235" t="s">
        <v>649</v>
      </c>
      <c r="C49" s="320"/>
      <c r="D49" s="409"/>
    </row>
    <row r="50" spans="1:4" ht="12" customHeight="1">
      <c r="A50" s="249"/>
      <c r="B50" s="209" t="s">
        <v>650</v>
      </c>
      <c r="C50" s="320"/>
      <c r="D50" s="409"/>
    </row>
    <row r="51" spans="1:4" ht="24.9" customHeight="1">
      <c r="A51" s="249"/>
      <c r="B51" s="250" t="s">
        <v>651</v>
      </c>
      <c r="C51" s="320"/>
      <c r="D51" s="409"/>
    </row>
    <row r="52" spans="1:4" ht="24.9" customHeight="1">
      <c r="A52" s="247" t="s">
        <v>652</v>
      </c>
      <c r="B52" s="223" t="s">
        <v>653</v>
      </c>
      <c r="C52" s="320"/>
      <c r="D52" s="408"/>
    </row>
    <row r="53" spans="1:4" ht="12" customHeight="1" thickBot="1">
      <c r="A53" s="211"/>
      <c r="B53" s="252"/>
      <c r="C53" s="213"/>
      <c r="D53" s="214"/>
    </row>
    <row r="54" spans="1:4" ht="12" customHeight="1">
      <c r="A54" s="195"/>
      <c r="B54" s="195"/>
      <c r="C54" s="195"/>
      <c r="D54" s="215"/>
    </row>
    <row r="55" spans="1:4" ht="12" customHeight="1" thickBot="1">
      <c r="A55" s="200" t="s">
        <v>654</v>
      </c>
      <c r="B55" s="216"/>
      <c r="C55" s="216"/>
      <c r="D55" s="217"/>
    </row>
    <row r="56" spans="1:4" ht="12" customHeight="1">
      <c r="A56" s="421" t="s">
        <v>616</v>
      </c>
      <c r="B56" s="414" t="s">
        <v>617</v>
      </c>
      <c r="C56" s="416" t="s">
        <v>618</v>
      </c>
      <c r="D56" s="417"/>
    </row>
    <row r="57" spans="1:4" ht="12" customHeight="1">
      <c r="A57" s="422"/>
      <c r="B57" s="415"/>
      <c r="C57" s="218" t="s">
        <v>619</v>
      </c>
      <c r="D57" s="202" t="s">
        <v>620</v>
      </c>
    </row>
    <row r="58" spans="1:4" ht="12" customHeight="1">
      <c r="A58" s="234" t="s">
        <v>655</v>
      </c>
      <c r="B58" s="253" t="s">
        <v>656</v>
      </c>
      <c r="C58" s="317"/>
      <c r="D58" s="418"/>
    </row>
    <row r="59" spans="1:4" ht="12" customHeight="1">
      <c r="A59" s="254"/>
      <c r="B59" s="251" t="s">
        <v>657</v>
      </c>
      <c r="C59" s="320"/>
      <c r="D59" s="409"/>
    </row>
    <row r="60" spans="1:4" ht="12" customHeight="1">
      <c r="A60" s="224"/>
      <c r="B60" s="223"/>
      <c r="C60" s="225"/>
      <c r="D60" s="226"/>
    </row>
    <row r="61" spans="1:4" ht="12" customHeight="1">
      <c r="A61" s="227" t="s">
        <v>658</v>
      </c>
      <c r="B61" s="229" t="s">
        <v>659</v>
      </c>
      <c r="C61" s="320"/>
      <c r="D61" s="279"/>
    </row>
    <row r="62" spans="1:4" ht="12" customHeight="1" thickBot="1">
      <c r="A62" s="211"/>
      <c r="B62" s="252"/>
      <c r="C62" s="213"/>
      <c r="D62" s="214"/>
    </row>
    <row r="63" spans="1:4" ht="12" customHeight="1">
      <c r="A63" s="195"/>
      <c r="B63" s="195"/>
      <c r="C63" s="195"/>
      <c r="D63" s="215"/>
    </row>
    <row r="64" spans="1:4" ht="12" customHeight="1" thickBot="1">
      <c r="A64" s="200" t="s">
        <v>660</v>
      </c>
      <c r="B64" s="216"/>
      <c r="C64" s="216"/>
      <c r="D64" s="217"/>
    </row>
    <row r="65" spans="1:5" ht="12" customHeight="1">
      <c r="A65" s="412" t="s">
        <v>616</v>
      </c>
      <c r="B65" s="414" t="s">
        <v>617</v>
      </c>
      <c r="C65" s="416" t="s">
        <v>618</v>
      </c>
      <c r="D65" s="417"/>
    </row>
    <row r="66" spans="1:5" ht="12" customHeight="1">
      <c r="A66" s="413"/>
      <c r="B66" s="415"/>
      <c r="C66" s="337" t="s">
        <v>619</v>
      </c>
      <c r="D66" s="202" t="s">
        <v>620</v>
      </c>
    </row>
    <row r="67" spans="1:5" ht="24.9" customHeight="1">
      <c r="A67" s="254" t="s">
        <v>655</v>
      </c>
      <c r="B67" s="236" t="s">
        <v>661</v>
      </c>
      <c r="C67" s="317"/>
      <c r="D67" s="418"/>
    </row>
    <row r="68" spans="1:5" ht="12" customHeight="1">
      <c r="A68" s="206"/>
      <c r="B68" s="209" t="s">
        <v>662</v>
      </c>
      <c r="C68" s="320"/>
      <c r="D68" s="409"/>
    </row>
    <row r="69" spans="1:5" ht="12" customHeight="1">
      <c r="A69" s="206"/>
      <c r="B69" s="210" t="s">
        <v>663</v>
      </c>
      <c r="C69" s="320"/>
      <c r="D69" s="409"/>
    </row>
    <row r="70" spans="1:5" ht="12" customHeight="1">
      <c r="A70" s="206"/>
      <c r="B70" s="209" t="s">
        <v>664</v>
      </c>
      <c r="C70" s="320"/>
      <c r="D70" s="409"/>
    </row>
    <row r="71" spans="1:5" ht="24.9" customHeight="1">
      <c r="A71" s="206"/>
      <c r="B71" s="210" t="s">
        <v>665</v>
      </c>
      <c r="C71" s="320"/>
      <c r="D71" s="409"/>
    </row>
    <row r="72" spans="1:5" ht="12" customHeight="1">
      <c r="A72" s="206"/>
      <c r="B72" s="209" t="s">
        <v>666</v>
      </c>
      <c r="C72" s="320"/>
      <c r="D72" s="409"/>
    </row>
    <row r="73" spans="1:5" ht="12" customHeight="1">
      <c r="A73" s="206"/>
      <c r="B73" s="255" t="s">
        <v>667</v>
      </c>
      <c r="C73" s="320"/>
      <c r="D73" s="408"/>
    </row>
    <row r="74" spans="1:5" ht="12" customHeight="1" thickBot="1">
      <c r="A74" s="211"/>
      <c r="B74" s="252"/>
      <c r="C74" s="213"/>
      <c r="D74" s="214"/>
    </row>
    <row r="75" spans="1:5" ht="12" customHeight="1">
      <c r="A75" s="195"/>
      <c r="B75" s="195"/>
      <c r="C75" s="195"/>
      <c r="D75" s="215"/>
      <c r="E75" s="243"/>
    </row>
    <row r="76" spans="1:5" ht="12" customHeight="1" thickBot="1">
      <c r="A76" s="200" t="s">
        <v>668</v>
      </c>
      <c r="B76" s="216"/>
      <c r="C76" s="216"/>
      <c r="D76" s="217"/>
      <c r="E76" s="243"/>
    </row>
    <row r="77" spans="1:5" ht="12" customHeight="1">
      <c r="A77" s="412" t="s">
        <v>616</v>
      </c>
      <c r="B77" s="414" t="s">
        <v>617</v>
      </c>
      <c r="C77" s="416" t="s">
        <v>618</v>
      </c>
      <c r="D77" s="417"/>
    </row>
    <row r="78" spans="1:5" ht="12" customHeight="1">
      <c r="A78" s="413"/>
      <c r="B78" s="415"/>
      <c r="C78" s="337" t="s">
        <v>619</v>
      </c>
      <c r="D78" s="233" t="s">
        <v>620</v>
      </c>
    </row>
    <row r="79" spans="1:5" ht="12" customHeight="1">
      <c r="A79" s="256" t="s">
        <v>669</v>
      </c>
      <c r="B79" s="210" t="s">
        <v>670</v>
      </c>
      <c r="C79" s="317"/>
      <c r="D79" s="418"/>
    </row>
    <row r="80" spans="1:5" ht="12" customHeight="1">
      <c r="A80" s="257" t="s">
        <v>671</v>
      </c>
      <c r="B80" s="208" t="s">
        <v>672</v>
      </c>
      <c r="C80" s="320"/>
      <c r="D80" s="409"/>
    </row>
    <row r="81" spans="1:5" ht="12" customHeight="1">
      <c r="A81" s="257" t="s">
        <v>673</v>
      </c>
      <c r="B81" s="208" t="s">
        <v>674</v>
      </c>
      <c r="C81" s="320"/>
      <c r="D81" s="409"/>
    </row>
    <row r="82" spans="1:5" ht="12" customHeight="1">
      <c r="A82" s="257" t="s">
        <v>675</v>
      </c>
      <c r="B82" s="208" t="s">
        <v>676</v>
      </c>
      <c r="C82" s="320"/>
      <c r="D82" s="409"/>
    </row>
    <row r="83" spans="1:5" ht="24.9" customHeight="1">
      <c r="A83" s="257" t="s">
        <v>677</v>
      </c>
      <c r="B83" s="208" t="s">
        <v>678</v>
      </c>
      <c r="C83" s="320"/>
      <c r="D83" s="409"/>
    </row>
    <row r="84" spans="1:5" ht="12" customHeight="1">
      <c r="A84" s="254" t="s">
        <v>679</v>
      </c>
      <c r="B84" s="210" t="s">
        <v>680</v>
      </c>
      <c r="C84" s="320"/>
      <c r="D84" s="409"/>
    </row>
    <row r="85" spans="1:5" ht="12" customHeight="1">
      <c r="A85" s="249"/>
      <c r="B85" s="251" t="s">
        <v>681</v>
      </c>
      <c r="C85" s="320"/>
      <c r="D85" s="409"/>
    </row>
    <row r="86" spans="1:5" ht="12" customHeight="1">
      <c r="A86" s="258"/>
      <c r="B86" s="251" t="s">
        <v>682</v>
      </c>
      <c r="C86" s="320"/>
      <c r="D86" s="409"/>
    </row>
    <row r="87" spans="1:5" ht="12" customHeight="1">
      <c r="A87" s="259"/>
      <c r="B87" s="251" t="s">
        <v>683</v>
      </c>
      <c r="C87" s="320"/>
      <c r="D87" s="409"/>
    </row>
    <row r="88" spans="1:5" ht="12" customHeight="1">
      <c r="A88" s="260"/>
      <c r="B88" s="208" t="s">
        <v>684</v>
      </c>
      <c r="C88" s="320"/>
      <c r="D88" s="408"/>
    </row>
    <row r="89" spans="1:5" ht="12" customHeight="1" thickBot="1">
      <c r="A89" s="240"/>
      <c r="B89" s="212"/>
      <c r="C89" s="230"/>
      <c r="D89" s="231"/>
    </row>
    <row r="90" spans="1:5" ht="12" customHeight="1">
      <c r="A90" s="261"/>
      <c r="B90" s="262"/>
      <c r="C90" s="195"/>
      <c r="D90" s="215"/>
      <c r="E90" s="243"/>
    </row>
    <row r="91" spans="1:5" ht="12" customHeight="1" thickBot="1">
      <c r="A91" s="200" t="s">
        <v>685</v>
      </c>
      <c r="B91" s="216"/>
      <c r="C91" s="217"/>
      <c r="D91" s="217"/>
      <c r="E91" s="243"/>
    </row>
    <row r="92" spans="1:5" ht="12" customHeight="1">
      <c r="A92" s="412" t="s">
        <v>616</v>
      </c>
      <c r="B92" s="414" t="s">
        <v>617</v>
      </c>
      <c r="C92" s="416" t="s">
        <v>618</v>
      </c>
      <c r="D92" s="417"/>
    </row>
    <row r="93" spans="1:5" ht="12" customHeight="1">
      <c r="A93" s="413"/>
      <c r="B93" s="415"/>
      <c r="C93" s="337" t="s">
        <v>619</v>
      </c>
      <c r="D93" s="202" t="s">
        <v>620</v>
      </c>
    </row>
    <row r="94" spans="1:5" ht="12" customHeight="1">
      <c r="A94" s="263" t="s">
        <v>686</v>
      </c>
      <c r="B94" s="204" t="s">
        <v>687</v>
      </c>
      <c r="C94" s="317"/>
      <c r="D94" s="418"/>
    </row>
    <row r="95" spans="1:5" ht="12" customHeight="1">
      <c r="A95" s="254" t="s">
        <v>688</v>
      </c>
      <c r="B95" s="210" t="s">
        <v>689</v>
      </c>
      <c r="C95" s="323"/>
      <c r="D95" s="409"/>
    </row>
    <row r="96" spans="1:5" ht="12" customHeight="1">
      <c r="A96" s="249"/>
      <c r="B96" s="251" t="s">
        <v>690</v>
      </c>
      <c r="C96" s="320"/>
      <c r="D96" s="409"/>
    </row>
    <row r="97" spans="1:6" ht="12" customHeight="1">
      <c r="A97" s="254"/>
      <c r="B97" s="251" t="s">
        <v>691</v>
      </c>
      <c r="C97" s="320"/>
      <c r="D97" s="409"/>
    </row>
    <row r="98" spans="1:6" ht="12" customHeight="1">
      <c r="A98" s="249"/>
      <c r="B98" s="251" t="s">
        <v>692</v>
      </c>
      <c r="C98" s="320"/>
      <c r="D98" s="409"/>
    </row>
    <row r="99" spans="1:6" ht="12" customHeight="1">
      <c r="A99" s="257" t="s">
        <v>693</v>
      </c>
      <c r="B99" s="209" t="s">
        <v>694</v>
      </c>
      <c r="C99" s="320"/>
      <c r="D99" s="408"/>
    </row>
    <row r="100" spans="1:6" ht="12" customHeight="1" thickBot="1">
      <c r="A100" s="240"/>
      <c r="B100" s="212"/>
      <c r="C100" s="230"/>
      <c r="D100" s="231"/>
    </row>
    <row r="101" spans="1:6" ht="12" customHeight="1">
      <c r="A101" s="261"/>
      <c r="B101" s="262"/>
      <c r="C101" s="264"/>
      <c r="D101" s="215"/>
      <c r="E101" s="243"/>
      <c r="F101" s="243"/>
    </row>
    <row r="102" spans="1:6" ht="12" customHeight="1">
      <c r="A102" s="200" t="s">
        <v>695</v>
      </c>
      <c r="B102" s="216"/>
      <c r="C102" s="216"/>
      <c r="D102" s="217"/>
      <c r="E102" s="243"/>
      <c r="F102" s="243"/>
    </row>
    <row r="103" spans="1:6" ht="12" customHeight="1" thickBot="1">
      <c r="A103" s="200" t="s">
        <v>625</v>
      </c>
      <c r="B103" s="216"/>
      <c r="C103" s="216"/>
      <c r="D103" s="217"/>
      <c r="E103" s="243"/>
      <c r="F103" s="243"/>
    </row>
    <row r="104" spans="1:6" ht="12" customHeight="1">
      <c r="A104" s="412" t="s">
        <v>616</v>
      </c>
      <c r="B104" s="414" t="s">
        <v>617</v>
      </c>
      <c r="C104" s="416" t="s">
        <v>618</v>
      </c>
      <c r="D104" s="417"/>
    </row>
    <row r="105" spans="1:6" ht="12" customHeight="1">
      <c r="A105" s="413"/>
      <c r="B105" s="415"/>
      <c r="C105" s="337" t="s">
        <v>619</v>
      </c>
      <c r="D105" s="202" t="s">
        <v>620</v>
      </c>
    </row>
    <row r="106" spans="1:6" ht="12" customHeight="1">
      <c r="A106" s="256" t="s">
        <v>696</v>
      </c>
      <c r="B106" s="251" t="s">
        <v>697</v>
      </c>
      <c r="C106" s="317"/>
      <c r="D106" s="418"/>
    </row>
    <row r="107" spans="1:6" ht="12" customHeight="1">
      <c r="A107" s="257" t="s">
        <v>698</v>
      </c>
      <c r="B107" s="208" t="s">
        <v>699</v>
      </c>
      <c r="C107" s="320"/>
      <c r="D107" s="409"/>
    </row>
    <row r="108" spans="1:6" ht="12" customHeight="1">
      <c r="A108" s="257" t="s">
        <v>700</v>
      </c>
      <c r="B108" s="208" t="s">
        <v>855</v>
      </c>
      <c r="C108" s="320"/>
      <c r="D108" s="409"/>
    </row>
    <row r="109" spans="1:6" ht="12" customHeight="1">
      <c r="A109" s="257" t="s">
        <v>701</v>
      </c>
      <c r="B109" s="208" t="s">
        <v>702</v>
      </c>
      <c r="C109" s="320"/>
      <c r="D109" s="409"/>
    </row>
    <row r="110" spans="1:6" ht="12" customHeight="1">
      <c r="A110" s="254" t="s">
        <v>703</v>
      </c>
      <c r="B110" s="210" t="s">
        <v>704</v>
      </c>
      <c r="C110" s="320"/>
      <c r="D110" s="409"/>
    </row>
    <row r="111" spans="1:6" ht="12" customHeight="1">
      <c r="A111" s="249"/>
      <c r="B111" s="251" t="s">
        <v>705</v>
      </c>
      <c r="C111" s="320"/>
      <c r="D111" s="409"/>
    </row>
    <row r="112" spans="1:6" ht="12" customHeight="1">
      <c r="A112" s="249"/>
      <c r="B112" s="251" t="s">
        <v>706</v>
      </c>
      <c r="C112" s="320"/>
      <c r="D112" s="409"/>
    </row>
    <row r="113" spans="1:7" ht="12" customHeight="1">
      <c r="A113" s="227"/>
      <c r="B113" s="208" t="s">
        <v>707</v>
      </c>
      <c r="C113" s="320"/>
      <c r="D113" s="409"/>
    </row>
    <row r="114" spans="1:7" ht="12" customHeight="1">
      <c r="A114" s="254" t="s">
        <v>708</v>
      </c>
      <c r="B114" s="210" t="s">
        <v>709</v>
      </c>
      <c r="C114" s="320"/>
      <c r="D114" s="409"/>
    </row>
    <row r="115" spans="1:7" ht="12" customHeight="1">
      <c r="A115" s="265"/>
      <c r="B115" s="251" t="s">
        <v>710</v>
      </c>
      <c r="C115" s="320"/>
      <c r="D115" s="409"/>
    </row>
    <row r="116" spans="1:7" ht="12" customHeight="1">
      <c r="A116" s="266"/>
      <c r="B116" s="208" t="s">
        <v>711</v>
      </c>
      <c r="C116" s="320"/>
      <c r="D116" s="408"/>
    </row>
    <row r="117" spans="1:7" ht="12" customHeight="1" thickBot="1">
      <c r="A117" s="240"/>
      <c r="B117" s="212"/>
      <c r="C117" s="230"/>
      <c r="D117" s="231"/>
    </row>
    <row r="118" spans="1:7" s="243" customFormat="1" ht="12" customHeight="1">
      <c r="A118" s="195"/>
      <c r="B118" s="340" t="s">
        <v>859</v>
      </c>
      <c r="C118" s="195"/>
      <c r="D118" s="215"/>
    </row>
    <row r="119" spans="1:7" s="243" customFormat="1" ht="12" customHeight="1" thickBot="1">
      <c r="A119" s="200" t="s">
        <v>712</v>
      </c>
      <c r="B119" s="216"/>
      <c r="C119" s="216"/>
      <c r="D119" s="217"/>
    </row>
    <row r="120" spans="1:7" ht="12" customHeight="1">
      <c r="A120" s="412" t="s">
        <v>616</v>
      </c>
      <c r="B120" s="414" t="s">
        <v>617</v>
      </c>
      <c r="C120" s="416" t="s">
        <v>618</v>
      </c>
      <c r="D120" s="417"/>
    </row>
    <row r="121" spans="1:7" ht="12" customHeight="1">
      <c r="A121" s="413"/>
      <c r="B121" s="415"/>
      <c r="C121" s="337" t="s">
        <v>619</v>
      </c>
      <c r="D121" s="202" t="s">
        <v>620</v>
      </c>
    </row>
    <row r="122" spans="1:7" ht="24.9" customHeight="1">
      <c r="A122" s="256" t="s">
        <v>713</v>
      </c>
      <c r="B122" s="210" t="s">
        <v>714</v>
      </c>
      <c r="C122" s="317"/>
      <c r="D122" s="336"/>
    </row>
    <row r="123" spans="1:7" ht="12" customHeight="1" thickBot="1">
      <c r="A123" s="211"/>
      <c r="B123" s="252"/>
      <c r="C123" s="213"/>
      <c r="D123" s="214"/>
    </row>
    <row r="124" spans="1:7" ht="12" customHeight="1">
      <c r="A124" s="195"/>
      <c r="B124" s="195"/>
      <c r="C124" s="195"/>
      <c r="D124" s="215"/>
      <c r="E124" s="243"/>
      <c r="F124" s="243"/>
      <c r="G124" s="243"/>
    </row>
    <row r="125" spans="1:7" ht="12" customHeight="1" thickBot="1">
      <c r="A125" s="200" t="s">
        <v>715</v>
      </c>
      <c r="B125" s="216"/>
      <c r="C125" s="216"/>
      <c r="D125" s="217"/>
      <c r="E125" s="243"/>
      <c r="F125" s="243"/>
      <c r="G125" s="243"/>
    </row>
    <row r="126" spans="1:7" ht="12" customHeight="1">
      <c r="A126" s="412" t="s">
        <v>616</v>
      </c>
      <c r="B126" s="414" t="s">
        <v>617</v>
      </c>
      <c r="C126" s="416" t="s">
        <v>618</v>
      </c>
      <c r="D126" s="417"/>
      <c r="E126" s="243"/>
      <c r="F126" s="243"/>
      <c r="G126" s="243"/>
    </row>
    <row r="127" spans="1:7" ht="12" customHeight="1">
      <c r="A127" s="413"/>
      <c r="B127" s="415"/>
      <c r="C127" s="337" t="s">
        <v>619</v>
      </c>
      <c r="D127" s="202" t="s">
        <v>620</v>
      </c>
      <c r="E127" s="243"/>
      <c r="F127" s="243"/>
      <c r="G127" s="243"/>
    </row>
    <row r="128" spans="1:7" ht="12" customHeight="1">
      <c r="A128" s="254" t="s">
        <v>716</v>
      </c>
      <c r="B128" s="210" t="s">
        <v>717</v>
      </c>
      <c r="C128" s="317"/>
      <c r="D128" s="418"/>
    </row>
    <row r="129" spans="1:4" ht="24.9" customHeight="1">
      <c r="A129" s="259"/>
      <c r="B129" s="251" t="s">
        <v>718</v>
      </c>
      <c r="C129" s="320"/>
      <c r="D129" s="409"/>
    </row>
    <row r="130" spans="1:4" ht="24.9" customHeight="1">
      <c r="A130" s="259"/>
      <c r="B130" s="251" t="s">
        <v>719</v>
      </c>
      <c r="C130" s="320"/>
      <c r="D130" s="409"/>
    </row>
    <row r="131" spans="1:4" ht="12" customHeight="1">
      <c r="A131" s="258"/>
      <c r="B131" s="251" t="s">
        <v>720</v>
      </c>
      <c r="C131" s="320"/>
      <c r="D131" s="409"/>
    </row>
    <row r="132" spans="1:4" ht="24.9" customHeight="1">
      <c r="A132" s="259"/>
      <c r="B132" s="251" t="s">
        <v>721</v>
      </c>
      <c r="C132" s="320"/>
      <c r="D132" s="409"/>
    </row>
    <row r="133" spans="1:4" ht="12" customHeight="1">
      <c r="A133" s="258"/>
      <c r="B133" s="208" t="s">
        <v>722</v>
      </c>
      <c r="C133" s="320"/>
      <c r="D133" s="409"/>
    </row>
    <row r="134" spans="1:4" ht="12" customHeight="1">
      <c r="A134" s="259"/>
      <c r="B134" s="208" t="s">
        <v>723</v>
      </c>
      <c r="C134" s="320"/>
      <c r="D134" s="409"/>
    </row>
    <row r="135" spans="1:4" ht="12" customHeight="1">
      <c r="A135" s="258"/>
      <c r="B135" s="251" t="s">
        <v>724</v>
      </c>
      <c r="C135" s="320"/>
      <c r="D135" s="409"/>
    </row>
    <row r="136" spans="1:4" ht="12" customHeight="1">
      <c r="A136" s="259"/>
      <c r="B136" s="251" t="s">
        <v>725</v>
      </c>
      <c r="C136" s="320"/>
      <c r="D136" s="409"/>
    </row>
    <row r="137" spans="1:4" ht="12" customHeight="1">
      <c r="A137" s="258"/>
      <c r="B137" s="251" t="s">
        <v>726</v>
      </c>
      <c r="C137" s="320"/>
      <c r="D137" s="409"/>
    </row>
    <row r="138" spans="1:4" ht="12" customHeight="1">
      <c r="A138" s="259"/>
      <c r="B138" s="251" t="s">
        <v>727</v>
      </c>
      <c r="C138" s="320"/>
      <c r="D138" s="409"/>
    </row>
    <row r="139" spans="1:4" ht="12" customHeight="1">
      <c r="A139" s="267"/>
      <c r="B139" s="251" t="s">
        <v>728</v>
      </c>
      <c r="C139" s="320"/>
      <c r="D139" s="409"/>
    </row>
    <row r="140" spans="1:4" ht="12" customHeight="1">
      <c r="A140" s="268"/>
      <c r="B140" s="208" t="s">
        <v>729</v>
      </c>
      <c r="C140" s="320"/>
      <c r="D140" s="408"/>
    </row>
    <row r="141" spans="1:4" ht="12" customHeight="1">
      <c r="A141" s="224"/>
      <c r="B141" s="223"/>
      <c r="C141" s="225"/>
      <c r="D141" s="226"/>
    </row>
    <row r="142" spans="1:4" ht="12" customHeight="1">
      <c r="A142" s="254" t="s">
        <v>730</v>
      </c>
      <c r="B142" s="210" t="s">
        <v>731</v>
      </c>
      <c r="C142" s="320"/>
      <c r="D142" s="407"/>
    </row>
    <row r="143" spans="1:4" ht="24.9" customHeight="1">
      <c r="A143" s="249"/>
      <c r="B143" s="251" t="s">
        <v>732</v>
      </c>
      <c r="C143" s="320"/>
      <c r="D143" s="408"/>
    </row>
    <row r="144" spans="1:4" ht="12" customHeight="1">
      <c r="A144" s="224"/>
      <c r="B144" s="223"/>
      <c r="C144" s="225"/>
      <c r="D144" s="226"/>
    </row>
    <row r="145" spans="1:4" ht="12" customHeight="1">
      <c r="A145" s="338" t="s">
        <v>733</v>
      </c>
      <c r="B145" s="251" t="s">
        <v>734</v>
      </c>
      <c r="C145" s="320"/>
      <c r="D145" s="407"/>
    </row>
    <row r="146" spans="1:4" ht="12" customHeight="1">
      <c r="A146" s="254"/>
      <c r="B146" s="251" t="s">
        <v>735</v>
      </c>
      <c r="C146" s="320"/>
      <c r="D146" s="409"/>
    </row>
    <row r="147" spans="1:4" ht="12" customHeight="1">
      <c r="A147" s="269"/>
      <c r="B147" s="251" t="s">
        <v>724</v>
      </c>
      <c r="C147" s="320"/>
      <c r="D147" s="409"/>
    </row>
    <row r="148" spans="1:4" ht="12" customHeight="1">
      <c r="A148" s="265"/>
      <c r="B148" s="251" t="s">
        <v>725</v>
      </c>
      <c r="C148" s="320"/>
      <c r="D148" s="409"/>
    </row>
    <row r="149" spans="1:4" ht="12" customHeight="1">
      <c r="A149" s="254"/>
      <c r="B149" s="251" t="s">
        <v>726</v>
      </c>
      <c r="C149" s="320"/>
      <c r="D149" s="409"/>
    </row>
    <row r="150" spans="1:4" ht="12" customHeight="1">
      <c r="A150" s="249"/>
      <c r="B150" s="251" t="s">
        <v>727</v>
      </c>
      <c r="C150" s="320"/>
      <c r="D150" s="408"/>
    </row>
    <row r="151" spans="1:4" ht="12" customHeight="1">
      <c r="A151" s="224"/>
      <c r="B151" s="223"/>
      <c r="C151" s="225"/>
      <c r="D151" s="226"/>
    </row>
    <row r="152" spans="1:4" ht="12" customHeight="1">
      <c r="A152" s="256" t="s">
        <v>736</v>
      </c>
      <c r="B152" s="251" t="s">
        <v>737</v>
      </c>
      <c r="C152" s="320"/>
      <c r="D152" s="407"/>
    </row>
    <row r="153" spans="1:4" ht="12" customHeight="1">
      <c r="A153" s="254"/>
      <c r="B153" s="251" t="s">
        <v>729</v>
      </c>
      <c r="C153" s="320"/>
      <c r="D153" s="409"/>
    </row>
    <row r="154" spans="1:4" ht="12" customHeight="1">
      <c r="A154" s="249"/>
      <c r="B154" s="251" t="s">
        <v>738</v>
      </c>
      <c r="C154" s="320"/>
      <c r="D154" s="408"/>
    </row>
    <row r="155" spans="1:4" ht="12" customHeight="1">
      <c r="A155" s="224"/>
      <c r="B155" s="223"/>
      <c r="C155" s="225"/>
      <c r="D155" s="226"/>
    </row>
    <row r="156" spans="1:4" ht="12" customHeight="1">
      <c r="A156" s="249" t="s">
        <v>739</v>
      </c>
      <c r="B156" s="229" t="s">
        <v>740</v>
      </c>
      <c r="C156" s="320"/>
      <c r="D156" s="409"/>
    </row>
    <row r="157" spans="1:4" ht="24.9" customHeight="1">
      <c r="A157" s="254"/>
      <c r="B157" s="251" t="s">
        <v>741</v>
      </c>
      <c r="C157" s="320"/>
      <c r="D157" s="409"/>
    </row>
    <row r="158" spans="1:4" ht="12" customHeight="1">
      <c r="A158" s="254"/>
      <c r="B158" s="251" t="s">
        <v>742</v>
      </c>
      <c r="C158" s="320"/>
      <c r="D158" s="409"/>
    </row>
    <row r="159" spans="1:4" ht="35.1" customHeight="1">
      <c r="A159" s="249"/>
      <c r="B159" s="251" t="s">
        <v>743</v>
      </c>
      <c r="C159" s="320"/>
      <c r="D159" s="408"/>
    </row>
    <row r="160" spans="1:4" ht="12" customHeight="1" thickBot="1">
      <c r="A160" s="211"/>
      <c r="B160" s="252"/>
      <c r="C160" s="213"/>
      <c r="D160" s="214"/>
    </row>
    <row r="161" spans="1:6" ht="12" customHeight="1">
      <c r="A161" s="261"/>
      <c r="B161" s="262"/>
      <c r="C161" s="195"/>
      <c r="D161" s="215"/>
      <c r="E161" s="243"/>
      <c r="F161" s="243"/>
    </row>
    <row r="162" spans="1:6" ht="12" customHeight="1" thickBot="1">
      <c r="A162" s="200" t="s">
        <v>744</v>
      </c>
      <c r="B162" s="216"/>
      <c r="C162" s="216"/>
      <c r="D162" s="217"/>
      <c r="E162" s="243"/>
      <c r="F162" s="243"/>
    </row>
    <row r="163" spans="1:6" ht="12" customHeight="1">
      <c r="A163" s="412" t="s">
        <v>616</v>
      </c>
      <c r="B163" s="414" t="s">
        <v>617</v>
      </c>
      <c r="C163" s="416" t="s">
        <v>618</v>
      </c>
      <c r="D163" s="417"/>
    </row>
    <row r="164" spans="1:6" ht="12" customHeight="1">
      <c r="A164" s="413"/>
      <c r="B164" s="415"/>
      <c r="C164" s="337" t="s">
        <v>619</v>
      </c>
      <c r="D164" s="202" t="s">
        <v>620</v>
      </c>
    </row>
    <row r="165" spans="1:6" ht="12" customHeight="1">
      <c r="A165" s="219" t="s">
        <v>745</v>
      </c>
      <c r="B165" s="236" t="s">
        <v>746</v>
      </c>
      <c r="C165" s="317"/>
      <c r="D165" s="418"/>
    </row>
    <row r="166" spans="1:6" ht="12" customHeight="1">
      <c r="A166" s="249"/>
      <c r="B166" s="251" t="s">
        <v>747</v>
      </c>
      <c r="C166" s="320"/>
      <c r="D166" s="409"/>
    </row>
    <row r="167" spans="1:6" ht="24.9" customHeight="1">
      <c r="A167" s="254"/>
      <c r="B167" s="251" t="s">
        <v>748</v>
      </c>
      <c r="C167" s="320"/>
      <c r="D167" s="408"/>
    </row>
    <row r="168" spans="1:6" ht="12" customHeight="1">
      <c r="A168" s="224"/>
      <c r="B168" s="223"/>
      <c r="C168" s="225"/>
      <c r="D168" s="226"/>
    </row>
    <row r="169" spans="1:6" ht="12" customHeight="1">
      <c r="A169" s="257" t="s">
        <v>749</v>
      </c>
      <c r="B169" s="208" t="s">
        <v>750</v>
      </c>
      <c r="C169" s="320"/>
      <c r="D169" s="279"/>
    </row>
    <row r="170" spans="1:6" ht="12" customHeight="1">
      <c r="A170" s="224"/>
      <c r="B170" s="223"/>
      <c r="C170" s="225"/>
      <c r="D170" s="226"/>
    </row>
    <row r="171" spans="1:6" ht="12" customHeight="1">
      <c r="A171" s="257" t="s">
        <v>751</v>
      </c>
      <c r="B171" s="208" t="s">
        <v>750</v>
      </c>
      <c r="C171" s="320"/>
      <c r="D171" s="279"/>
    </row>
    <row r="172" spans="1:6" ht="12" customHeight="1">
      <c r="A172" s="224"/>
      <c r="B172" s="223"/>
      <c r="C172" s="225"/>
      <c r="D172" s="226"/>
    </row>
    <row r="173" spans="1:6" ht="12" customHeight="1">
      <c r="A173" s="254" t="s">
        <v>752</v>
      </c>
      <c r="B173" s="229" t="s">
        <v>753</v>
      </c>
      <c r="C173" s="320"/>
      <c r="D173" s="407"/>
    </row>
    <row r="174" spans="1:6" ht="12" customHeight="1">
      <c r="A174" s="249"/>
      <c r="B174" s="251" t="s">
        <v>598</v>
      </c>
      <c r="C174" s="320"/>
      <c r="D174" s="408"/>
    </row>
    <row r="175" spans="1:6" ht="12" customHeight="1">
      <c r="A175" s="224"/>
      <c r="B175" s="223"/>
      <c r="C175" s="225"/>
      <c r="D175" s="226"/>
    </row>
    <row r="176" spans="1:6" ht="24.9" customHeight="1">
      <c r="A176" s="257" t="s">
        <v>754</v>
      </c>
      <c r="B176" s="208" t="s">
        <v>755</v>
      </c>
      <c r="C176" s="320"/>
      <c r="D176" s="270"/>
    </row>
    <row r="177" spans="1:7" ht="12" customHeight="1">
      <c r="A177" s="224"/>
      <c r="B177" s="223"/>
      <c r="C177" s="225"/>
      <c r="D177" s="226"/>
    </row>
    <row r="178" spans="1:7" ht="12" customHeight="1">
      <c r="A178" s="254" t="s">
        <v>756</v>
      </c>
      <c r="B178" s="210" t="s">
        <v>757</v>
      </c>
      <c r="C178" s="320"/>
      <c r="D178" s="407"/>
    </row>
    <row r="179" spans="1:7" ht="12" customHeight="1">
      <c r="A179" s="249"/>
      <c r="B179" s="251" t="s">
        <v>758</v>
      </c>
      <c r="C179" s="320"/>
      <c r="D179" s="409"/>
    </row>
    <row r="180" spans="1:7" ht="24.9" customHeight="1">
      <c r="A180" s="254"/>
      <c r="B180" s="251" t="s">
        <v>759</v>
      </c>
      <c r="C180" s="320"/>
      <c r="D180" s="409"/>
    </row>
    <row r="181" spans="1:7" ht="24.9" customHeight="1">
      <c r="A181" s="271"/>
      <c r="B181" s="251" t="s">
        <v>760</v>
      </c>
      <c r="C181" s="320"/>
      <c r="D181" s="408"/>
    </row>
    <row r="182" spans="1:7" ht="12" customHeight="1">
      <c r="A182" s="224"/>
      <c r="B182" s="223"/>
      <c r="C182" s="225"/>
      <c r="D182" s="226"/>
    </row>
    <row r="183" spans="1:7" ht="12" customHeight="1">
      <c r="A183" s="410" t="s">
        <v>761</v>
      </c>
      <c r="B183" s="251" t="s">
        <v>762</v>
      </c>
      <c r="C183" s="320"/>
      <c r="D183" s="407"/>
    </row>
    <row r="184" spans="1:7" ht="24.9" customHeight="1">
      <c r="A184" s="411"/>
      <c r="B184" s="208" t="s">
        <v>763</v>
      </c>
      <c r="C184" s="320"/>
      <c r="D184" s="408"/>
    </row>
    <row r="185" spans="1:7" ht="12" customHeight="1">
      <c r="A185" s="224"/>
      <c r="B185" s="223"/>
      <c r="C185" s="225"/>
      <c r="D185" s="226"/>
    </row>
    <row r="186" spans="1:7" ht="24.9" customHeight="1">
      <c r="A186" s="257" t="s">
        <v>764</v>
      </c>
      <c r="B186" s="208" t="s">
        <v>762</v>
      </c>
      <c r="C186" s="320"/>
      <c r="D186" s="270"/>
    </row>
    <row r="187" spans="1:7" ht="12" customHeight="1" thickBot="1">
      <c r="A187" s="240"/>
      <c r="B187" s="212"/>
      <c r="C187" s="230"/>
      <c r="D187" s="231"/>
    </row>
    <row r="188" spans="1:7" ht="12" customHeight="1">
      <c r="A188" s="272"/>
      <c r="B188" s="262"/>
      <c r="E188" s="243"/>
      <c r="F188" s="243"/>
      <c r="G188" s="243"/>
    </row>
    <row r="189" spans="1:7" ht="12" customHeight="1" thickBot="1">
      <c r="A189" s="199" t="s">
        <v>765</v>
      </c>
      <c r="B189" s="216"/>
      <c r="C189" s="273"/>
      <c r="D189" s="274"/>
      <c r="E189" s="243"/>
      <c r="F189" s="243"/>
      <c r="G189" s="243"/>
    </row>
    <row r="190" spans="1:7" s="243" customFormat="1" ht="12" customHeight="1">
      <c r="A190" s="412" t="s">
        <v>616</v>
      </c>
      <c r="B190" s="414" t="s">
        <v>617</v>
      </c>
      <c r="C190" s="416" t="s">
        <v>618</v>
      </c>
      <c r="D190" s="417"/>
    </row>
    <row r="191" spans="1:7" s="243" customFormat="1" ht="12" customHeight="1">
      <c r="A191" s="413"/>
      <c r="B191" s="415"/>
      <c r="C191" s="337" t="s">
        <v>619</v>
      </c>
      <c r="D191" s="202" t="s">
        <v>620</v>
      </c>
    </row>
    <row r="192" spans="1:7" ht="12" customHeight="1">
      <c r="A192" s="275" t="s">
        <v>766</v>
      </c>
      <c r="B192" s="236" t="s">
        <v>767</v>
      </c>
      <c r="C192" s="317"/>
      <c r="D192" s="404"/>
    </row>
    <row r="193" spans="1:4" ht="12" customHeight="1">
      <c r="A193" s="276"/>
      <c r="B193" s="251" t="s">
        <v>768</v>
      </c>
      <c r="C193" s="320"/>
      <c r="D193" s="405"/>
    </row>
    <row r="194" spans="1:4" ht="12" customHeight="1">
      <c r="A194" s="271"/>
      <c r="B194" s="251" t="s">
        <v>769</v>
      </c>
      <c r="C194" s="320"/>
      <c r="D194" s="405"/>
    </row>
    <row r="195" spans="1:4" ht="24.9" customHeight="1">
      <c r="A195" s="276"/>
      <c r="B195" s="251" t="s">
        <v>770</v>
      </c>
      <c r="C195" s="320"/>
      <c r="D195" s="405"/>
    </row>
    <row r="196" spans="1:4" ht="12" customHeight="1">
      <c r="A196" s="271"/>
      <c r="B196" s="251" t="s">
        <v>771</v>
      </c>
      <c r="C196" s="320"/>
      <c r="D196" s="405"/>
    </row>
    <row r="197" spans="1:4" ht="12" customHeight="1">
      <c r="A197" s="276"/>
      <c r="B197" s="251" t="s">
        <v>772</v>
      </c>
      <c r="C197" s="320"/>
      <c r="D197" s="405"/>
    </row>
    <row r="198" spans="1:4" ht="12" customHeight="1">
      <c r="A198" s="271"/>
      <c r="B198" s="208" t="s">
        <v>773</v>
      </c>
      <c r="C198" s="320"/>
      <c r="D198" s="405"/>
    </row>
    <row r="199" spans="1:4" ht="12" customHeight="1">
      <c r="A199" s="277"/>
      <c r="B199" s="229" t="s">
        <v>774</v>
      </c>
      <c r="C199" s="320"/>
      <c r="D199" s="406"/>
    </row>
    <row r="200" spans="1:4" ht="12" customHeight="1">
      <c r="A200" s="224"/>
      <c r="B200" s="223"/>
      <c r="C200" s="318"/>
      <c r="D200" s="226"/>
    </row>
    <row r="201" spans="1:4" ht="12" customHeight="1">
      <c r="A201" s="278" t="s">
        <v>775</v>
      </c>
      <c r="B201" s="208" t="s">
        <v>776</v>
      </c>
      <c r="C201" s="320"/>
      <c r="D201" s="279"/>
    </row>
    <row r="202" spans="1:4" ht="12" customHeight="1" thickBot="1">
      <c r="A202" s="240"/>
      <c r="B202" s="212"/>
      <c r="C202" s="319"/>
      <c r="D202" s="231"/>
    </row>
    <row r="204" spans="1:4">
      <c r="C204" s="197"/>
    </row>
    <row r="205" spans="1:4">
      <c r="C205" s="197"/>
    </row>
  </sheetData>
  <mergeCells count="59">
    <mergeCell ref="A5:A6"/>
    <mergeCell ref="B5:B6"/>
    <mergeCell ref="C5:D5"/>
    <mergeCell ref="D7:D15"/>
    <mergeCell ref="A20:A21"/>
    <mergeCell ref="B20:B21"/>
    <mergeCell ref="C20:D20"/>
    <mergeCell ref="A65:A66"/>
    <mergeCell ref="B65:B66"/>
    <mergeCell ref="C65:D65"/>
    <mergeCell ref="D22:D27"/>
    <mergeCell ref="A33:A34"/>
    <mergeCell ref="B33:B34"/>
    <mergeCell ref="C33:D33"/>
    <mergeCell ref="D35:D40"/>
    <mergeCell ref="A44:A45"/>
    <mergeCell ref="B44:B45"/>
    <mergeCell ref="C44:D44"/>
    <mergeCell ref="D46:D52"/>
    <mergeCell ref="A56:A57"/>
    <mergeCell ref="B56:B57"/>
    <mergeCell ref="C56:D56"/>
    <mergeCell ref="D58:D59"/>
    <mergeCell ref="A120:A121"/>
    <mergeCell ref="B120:B121"/>
    <mergeCell ref="C120:D120"/>
    <mergeCell ref="D67:D73"/>
    <mergeCell ref="A77:A78"/>
    <mergeCell ref="B77:B78"/>
    <mergeCell ref="C77:D77"/>
    <mergeCell ref="D79:D88"/>
    <mergeCell ref="A92:A93"/>
    <mergeCell ref="B92:B93"/>
    <mergeCell ref="C92:D92"/>
    <mergeCell ref="D94:D99"/>
    <mergeCell ref="A104:A105"/>
    <mergeCell ref="B104:B105"/>
    <mergeCell ref="C104:D104"/>
    <mergeCell ref="D106:D116"/>
    <mergeCell ref="D165:D167"/>
    <mergeCell ref="A126:A127"/>
    <mergeCell ref="B126:B127"/>
    <mergeCell ref="C126:D126"/>
    <mergeCell ref="D128:D140"/>
    <mergeCell ref="D142:D143"/>
    <mergeCell ref="D145:D150"/>
    <mergeCell ref="D152:D154"/>
    <mergeCell ref="D156:D159"/>
    <mergeCell ref="A163:A164"/>
    <mergeCell ref="B163:B164"/>
    <mergeCell ref="C163:D163"/>
    <mergeCell ref="D192:D199"/>
    <mergeCell ref="D173:D174"/>
    <mergeCell ref="D178:D181"/>
    <mergeCell ref="A183:A184"/>
    <mergeCell ref="A190:A191"/>
    <mergeCell ref="B190:B191"/>
    <mergeCell ref="C190:D190"/>
    <mergeCell ref="D183:D184"/>
  </mergeCells>
  <phoneticPr fontId="12"/>
  <pageMargins left="0.7" right="0.7" top="0.75" bottom="0.75" header="0.3" footer="0.3"/>
  <pageSetup paperSize="9" orientation="portrait" r:id="rId1"/>
  <rowBreaks count="5" manualBreakCount="5">
    <brk id="31" max="16383" man="1"/>
    <brk id="63" max="16383" man="1"/>
    <brk id="101" max="16383" man="1"/>
    <brk id="124" max="16383" man="1"/>
    <brk id="161"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99"/>
  <sheetViews>
    <sheetView showGridLines="0" zoomScale="115" zoomScaleNormal="115" zoomScaleSheetLayoutView="130" workbookViewId="0">
      <selection activeCell="B8" sqref="B8"/>
    </sheetView>
  </sheetViews>
  <sheetFormatPr defaultColWidth="9" defaultRowHeight="12" customHeight="1"/>
  <cols>
    <col min="1" max="1" width="15.21875" style="196" customWidth="1"/>
    <col min="2" max="2" width="69.21875" style="196" customWidth="1"/>
    <col min="3" max="3" width="3.88671875" style="198" customWidth="1"/>
    <col min="4" max="16384" width="9" style="198"/>
  </cols>
  <sheetData>
    <row r="1" spans="1:8" ht="12" customHeight="1">
      <c r="A1" s="194" t="s">
        <v>777</v>
      </c>
      <c r="B1" s="273"/>
    </row>
    <row r="2" spans="1:8" ht="12" customHeight="1">
      <c r="A2" s="280"/>
      <c r="B2" s="273"/>
    </row>
    <row r="3" spans="1:8" ht="12" customHeight="1">
      <c r="A3" s="281" t="s">
        <v>614</v>
      </c>
      <c r="B3" s="273"/>
      <c r="F3" s="201"/>
      <c r="G3" s="201"/>
      <c r="H3" s="201"/>
    </row>
    <row r="4" spans="1:8" ht="12" customHeight="1" thickBot="1">
      <c r="A4" s="282" t="s">
        <v>615</v>
      </c>
      <c r="B4" s="273"/>
    </row>
    <row r="5" spans="1:8" ht="24" customHeight="1">
      <c r="A5" s="283" t="s">
        <v>616</v>
      </c>
      <c r="B5" s="284" t="s">
        <v>617</v>
      </c>
    </row>
    <row r="6" spans="1:8" ht="12" customHeight="1">
      <c r="A6" s="285" t="s">
        <v>621</v>
      </c>
      <c r="B6" s="286" t="s">
        <v>622</v>
      </c>
    </row>
    <row r="7" spans="1:8" ht="12" customHeight="1">
      <c r="A7" s="287"/>
      <c r="B7" s="288" t="s">
        <v>865</v>
      </c>
    </row>
    <row r="8" spans="1:8" ht="24.9" customHeight="1">
      <c r="A8" s="287"/>
      <c r="B8" s="289" t="s">
        <v>866</v>
      </c>
    </row>
    <row r="9" spans="1:8" ht="24.9" customHeight="1">
      <c r="A9" s="287"/>
      <c r="B9" s="289" t="s">
        <v>867</v>
      </c>
    </row>
    <row r="10" spans="1:8" ht="13.5" customHeight="1">
      <c r="A10" s="287"/>
      <c r="B10" s="229" t="s">
        <v>868</v>
      </c>
      <c r="C10" s="326"/>
    </row>
    <row r="11" spans="1:8" ht="12" customHeight="1">
      <c r="A11" s="206"/>
      <c r="B11" s="342" t="s">
        <v>853</v>
      </c>
      <c r="C11" s="327"/>
    </row>
    <row r="12" spans="1:8" ht="12" customHeight="1">
      <c r="A12" s="206"/>
      <c r="B12" s="342" t="s">
        <v>854</v>
      </c>
      <c r="C12" s="327"/>
    </row>
    <row r="13" spans="1:8" ht="12" customHeight="1">
      <c r="A13" s="206"/>
      <c r="B13" s="342"/>
      <c r="C13" s="327"/>
    </row>
    <row r="14" spans="1:8" ht="12" customHeight="1">
      <c r="A14" s="290"/>
      <c r="B14" s="229"/>
      <c r="C14" s="326"/>
    </row>
    <row r="15" spans="1:8" ht="12" customHeight="1" thickBot="1">
      <c r="A15" s="240"/>
      <c r="B15" s="212"/>
      <c r="C15" s="291"/>
    </row>
    <row r="17" spans="1:2" ht="12" customHeight="1" thickBot="1">
      <c r="A17" s="282" t="s">
        <v>778</v>
      </c>
      <c r="B17" s="273"/>
    </row>
    <row r="18" spans="1:2" ht="24" customHeight="1">
      <c r="A18" s="283" t="s">
        <v>616</v>
      </c>
      <c r="B18" s="284" t="s">
        <v>617</v>
      </c>
    </row>
    <row r="19" spans="1:2" ht="12" customHeight="1">
      <c r="A19" s="285" t="s">
        <v>779</v>
      </c>
      <c r="B19" s="292" t="s">
        <v>780</v>
      </c>
    </row>
    <row r="20" spans="1:2" ht="12" customHeight="1">
      <c r="A20" s="293" t="s">
        <v>781</v>
      </c>
      <c r="B20" s="294" t="s">
        <v>782</v>
      </c>
    </row>
    <row r="21" spans="1:2" ht="12" customHeight="1">
      <c r="A21" s="295" t="s">
        <v>783</v>
      </c>
      <c r="B21" s="296" t="s">
        <v>784</v>
      </c>
    </row>
    <row r="22" spans="1:2" ht="12" customHeight="1">
      <c r="A22" s="295"/>
      <c r="B22" s="294" t="s">
        <v>785</v>
      </c>
    </row>
    <row r="23" spans="1:2" ht="12" customHeight="1">
      <c r="A23" s="295"/>
      <c r="B23" s="294" t="s">
        <v>786</v>
      </c>
    </row>
    <row r="24" spans="1:2" ht="12" customHeight="1">
      <c r="A24" s="297"/>
      <c r="B24" s="294" t="s">
        <v>787</v>
      </c>
    </row>
    <row r="25" spans="1:2" ht="12" customHeight="1">
      <c r="A25" s="295" t="s">
        <v>788</v>
      </c>
      <c r="B25" s="296" t="s">
        <v>789</v>
      </c>
    </row>
    <row r="26" spans="1:2" ht="12" customHeight="1">
      <c r="A26" s="297"/>
      <c r="B26" s="294" t="s">
        <v>790</v>
      </c>
    </row>
    <row r="27" spans="1:2" ht="12" customHeight="1">
      <c r="A27" s="295" t="s">
        <v>791</v>
      </c>
      <c r="B27" s="296" t="s">
        <v>792</v>
      </c>
    </row>
    <row r="28" spans="1:2" ht="12" customHeight="1">
      <c r="A28" s="295"/>
      <c r="B28" s="298" t="s">
        <v>869</v>
      </c>
    </row>
    <row r="29" spans="1:2" ht="12" customHeight="1">
      <c r="A29" s="299" t="s">
        <v>793</v>
      </c>
      <c r="B29" s="294" t="s">
        <v>794</v>
      </c>
    </row>
    <row r="30" spans="1:2" ht="12" customHeight="1">
      <c r="A30" s="300"/>
      <c r="B30" s="294" t="s">
        <v>795</v>
      </c>
    </row>
    <row r="31" spans="1:2" ht="12" customHeight="1">
      <c r="A31" s="300"/>
      <c r="B31" s="294" t="s">
        <v>870</v>
      </c>
    </row>
    <row r="32" spans="1:2" ht="12" customHeight="1">
      <c r="A32" s="300"/>
      <c r="B32" s="298" t="s">
        <v>796</v>
      </c>
    </row>
    <row r="33" spans="1:3" ht="12" customHeight="1">
      <c r="A33" s="301" t="s">
        <v>797</v>
      </c>
      <c r="B33" s="294" t="s">
        <v>798</v>
      </c>
    </row>
    <row r="34" spans="1:3" ht="12" customHeight="1">
      <c r="A34" s="300"/>
      <c r="B34" s="294" t="s">
        <v>795</v>
      </c>
    </row>
    <row r="35" spans="1:3" ht="12" customHeight="1">
      <c r="A35" s="300"/>
      <c r="B35" s="298" t="s">
        <v>799</v>
      </c>
    </row>
    <row r="36" spans="1:3" ht="32.4" customHeight="1">
      <c r="A36" s="301" t="s">
        <v>800</v>
      </c>
      <c r="B36" s="294" t="s">
        <v>801</v>
      </c>
    </row>
    <row r="37" spans="1:3" ht="12" customHeight="1">
      <c r="A37" s="300"/>
      <c r="B37" s="294" t="s">
        <v>795</v>
      </c>
    </row>
    <row r="38" spans="1:3" ht="12" customHeight="1">
      <c r="A38" s="300"/>
      <c r="B38" s="294" t="s">
        <v>802</v>
      </c>
    </row>
    <row r="39" spans="1:3" ht="12" customHeight="1">
      <c r="A39" s="300"/>
      <c r="B39" s="298" t="s">
        <v>803</v>
      </c>
    </row>
    <row r="40" spans="1:3" ht="12" customHeight="1">
      <c r="A40" s="301" t="s">
        <v>804</v>
      </c>
      <c r="B40" s="294" t="s">
        <v>805</v>
      </c>
    </row>
    <row r="41" spans="1:3" ht="12" customHeight="1">
      <c r="A41" s="300"/>
      <c r="B41" s="294" t="s">
        <v>795</v>
      </c>
    </row>
    <row r="42" spans="1:3" ht="12" customHeight="1">
      <c r="A42" s="300"/>
      <c r="B42" s="294" t="s">
        <v>806</v>
      </c>
    </row>
    <row r="43" spans="1:3" ht="12" customHeight="1">
      <c r="A43" s="300"/>
      <c r="B43" s="294" t="s">
        <v>807</v>
      </c>
    </row>
    <row r="44" spans="1:3" ht="12" customHeight="1" thickBot="1">
      <c r="A44" s="211"/>
      <c r="B44" s="252"/>
      <c r="C44" s="291"/>
    </row>
    <row r="45" spans="1:3" ht="12" customHeight="1">
      <c r="A45" s="302" t="s">
        <v>839</v>
      </c>
      <c r="B45" s="273"/>
    </row>
    <row r="46" spans="1:3" ht="12" customHeight="1">
      <c r="A46" s="302" t="s">
        <v>837</v>
      </c>
      <c r="B46" s="273"/>
    </row>
    <row r="49" spans="1:3" ht="12" customHeight="1">
      <c r="A49" s="282" t="s">
        <v>623</v>
      </c>
      <c r="B49" s="273"/>
    </row>
    <row r="50" spans="1:3" ht="12" customHeight="1" thickBot="1">
      <c r="A50" s="282" t="s">
        <v>624</v>
      </c>
      <c r="B50" s="273"/>
    </row>
    <row r="51" spans="1:3" ht="24" customHeight="1">
      <c r="A51" s="283" t="s">
        <v>616</v>
      </c>
      <c r="B51" s="284" t="s">
        <v>617</v>
      </c>
    </row>
    <row r="52" spans="1:3" ht="22.5" customHeight="1">
      <c r="A52" s="328" t="s">
        <v>808</v>
      </c>
      <c r="B52" s="304" t="s">
        <v>871</v>
      </c>
    </row>
    <row r="53" spans="1:3" ht="12" customHeight="1">
      <c r="A53" s="224"/>
      <c r="B53" s="223"/>
      <c r="C53" s="291"/>
    </row>
    <row r="54" spans="1:3" ht="12" customHeight="1">
      <c r="A54" s="227" t="s">
        <v>632</v>
      </c>
      <c r="B54" s="228" t="s">
        <v>633</v>
      </c>
      <c r="C54" s="306"/>
    </row>
    <row r="55" spans="1:3" ht="12" customHeight="1" thickBot="1">
      <c r="A55" s="240"/>
      <c r="B55" s="212"/>
      <c r="C55" s="291"/>
    </row>
    <row r="57" spans="1:3" ht="12" customHeight="1" thickBot="1">
      <c r="A57" s="281" t="s">
        <v>809</v>
      </c>
      <c r="B57" s="273"/>
    </row>
    <row r="58" spans="1:3" ht="24.9" customHeight="1">
      <c r="A58" s="283" t="s">
        <v>616</v>
      </c>
      <c r="B58" s="284" t="s">
        <v>617</v>
      </c>
    </row>
    <row r="59" spans="1:3" ht="12" customHeight="1">
      <c r="A59" s="303" t="s">
        <v>808</v>
      </c>
      <c r="B59" s="286" t="s">
        <v>844</v>
      </c>
    </row>
    <row r="60" spans="1:3" ht="12" customHeight="1">
      <c r="A60" s="307"/>
      <c r="B60" s="294" t="s">
        <v>810</v>
      </c>
    </row>
    <row r="61" spans="1:3" ht="12" customHeight="1">
      <c r="A61" s="307"/>
      <c r="B61" s="294" t="s">
        <v>811</v>
      </c>
    </row>
    <row r="62" spans="1:3" ht="24.9" customHeight="1">
      <c r="A62" s="307"/>
      <c r="B62" s="294" t="s">
        <v>812</v>
      </c>
    </row>
    <row r="63" spans="1:3" ht="24.9" customHeight="1">
      <c r="A63" s="307"/>
      <c r="B63" s="294" t="s">
        <v>813</v>
      </c>
    </row>
    <row r="64" spans="1:3" ht="12" customHeight="1">
      <c r="A64" s="305"/>
      <c r="B64" s="294" t="s">
        <v>814</v>
      </c>
    </row>
    <row r="65" spans="1:3" ht="12" customHeight="1" thickBot="1">
      <c r="A65" s="240"/>
      <c r="B65" s="212"/>
      <c r="C65" s="291"/>
    </row>
    <row r="66" spans="1:3" ht="12" customHeight="1">
      <c r="B66" s="308"/>
    </row>
    <row r="68" spans="1:3" ht="12" customHeight="1" thickBot="1">
      <c r="A68" s="281" t="s">
        <v>654</v>
      </c>
      <c r="B68" s="273"/>
    </row>
    <row r="69" spans="1:3" ht="24.9" customHeight="1">
      <c r="A69" s="309" t="s">
        <v>616</v>
      </c>
      <c r="B69" s="284" t="s">
        <v>617</v>
      </c>
    </row>
    <row r="70" spans="1:3" ht="12" customHeight="1">
      <c r="A70" s="310" t="s">
        <v>730</v>
      </c>
      <c r="B70" s="304" t="s">
        <v>815</v>
      </c>
    </row>
    <row r="71" spans="1:3" ht="12" customHeight="1" thickBot="1">
      <c r="A71" s="240"/>
      <c r="B71" s="212"/>
      <c r="C71" s="291"/>
    </row>
    <row r="73" spans="1:3" ht="12" customHeight="1" thickBot="1">
      <c r="A73" s="281" t="s">
        <v>816</v>
      </c>
      <c r="B73" s="281"/>
    </row>
    <row r="74" spans="1:3" ht="24.9" customHeight="1">
      <c r="A74" s="283" t="s">
        <v>616</v>
      </c>
      <c r="B74" s="284" t="s">
        <v>617</v>
      </c>
    </row>
    <row r="75" spans="1:3" ht="24.9" customHeight="1">
      <c r="A75" s="303" t="s">
        <v>625</v>
      </c>
      <c r="B75" s="294" t="s">
        <v>817</v>
      </c>
    </row>
    <row r="76" spans="1:3" ht="24.9" customHeight="1">
      <c r="A76" s="307"/>
      <c r="B76" s="294" t="s">
        <v>818</v>
      </c>
    </row>
    <row r="77" spans="1:3" ht="24.9" customHeight="1">
      <c r="A77" s="307"/>
      <c r="B77" s="294" t="s">
        <v>819</v>
      </c>
    </row>
    <row r="78" spans="1:3" ht="12" customHeight="1">
      <c r="A78" s="307"/>
      <c r="B78" s="294" t="s">
        <v>820</v>
      </c>
    </row>
    <row r="79" spans="1:3" ht="12" customHeight="1">
      <c r="A79" s="307"/>
      <c r="B79" s="294" t="s">
        <v>821</v>
      </c>
    </row>
    <row r="80" spans="1:3" ht="12" customHeight="1">
      <c r="A80" s="305"/>
      <c r="B80" s="294" t="s">
        <v>822</v>
      </c>
    </row>
    <row r="81" spans="1:3" ht="12" customHeight="1" thickBot="1">
      <c r="A81" s="240"/>
      <c r="B81" s="212"/>
      <c r="C81" s="291"/>
    </row>
    <row r="83" spans="1:3" ht="12" customHeight="1" thickBot="1">
      <c r="A83" s="281" t="s">
        <v>823</v>
      </c>
      <c r="B83" s="273"/>
    </row>
    <row r="84" spans="1:3" ht="24" customHeight="1">
      <c r="A84" s="283" t="s">
        <v>616</v>
      </c>
      <c r="B84" s="284" t="s">
        <v>617</v>
      </c>
    </row>
    <row r="85" spans="1:3" ht="12" customHeight="1">
      <c r="A85" s="311" t="s">
        <v>824</v>
      </c>
      <c r="B85" s="312" t="s">
        <v>825</v>
      </c>
    </row>
    <row r="86" spans="1:3" ht="12" customHeight="1" thickBot="1">
      <c r="A86" s="211"/>
      <c r="B86" s="252"/>
      <c r="C86" s="291"/>
    </row>
    <row r="87" spans="1:3" ht="12" customHeight="1">
      <c r="A87" s="313"/>
      <c r="B87" s="313"/>
    </row>
    <row r="88" spans="1:3" ht="12" customHeight="1" thickBot="1">
      <c r="A88" s="281" t="s">
        <v>826</v>
      </c>
      <c r="B88" s="273"/>
      <c r="C88" s="243"/>
    </row>
    <row r="89" spans="1:3" ht="24.9" customHeight="1">
      <c r="A89" s="283" t="s">
        <v>616</v>
      </c>
      <c r="B89" s="284" t="s">
        <v>617</v>
      </c>
    </row>
    <row r="90" spans="1:3" ht="12" customHeight="1">
      <c r="A90" s="311" t="s">
        <v>827</v>
      </c>
      <c r="B90" s="294" t="s">
        <v>828</v>
      </c>
    </row>
    <row r="91" spans="1:3" ht="12" customHeight="1" thickBot="1">
      <c r="A91" s="211"/>
      <c r="B91" s="252"/>
      <c r="C91" s="291"/>
    </row>
    <row r="92" spans="1:3" ht="12" customHeight="1">
      <c r="C92" s="243"/>
    </row>
    <row r="93" spans="1:3" ht="12" customHeight="1" thickBot="1">
      <c r="A93" s="282" t="s">
        <v>829</v>
      </c>
      <c r="B93" s="273"/>
    </row>
    <row r="94" spans="1:3" ht="24.9" customHeight="1">
      <c r="A94" s="309" t="s">
        <v>616</v>
      </c>
      <c r="B94" s="284" t="s">
        <v>617</v>
      </c>
    </row>
    <row r="95" spans="1:3" ht="12" customHeight="1">
      <c r="A95" s="314" t="s">
        <v>830</v>
      </c>
      <c r="B95" s="294" t="s">
        <v>831</v>
      </c>
    </row>
    <row r="96" spans="1:3" ht="12" customHeight="1">
      <c r="A96" s="295"/>
      <c r="B96" s="315" t="s">
        <v>832</v>
      </c>
    </row>
    <row r="97" spans="1:3" ht="12" customHeight="1">
      <c r="A97" s="316" t="s">
        <v>833</v>
      </c>
      <c r="B97" s="294" t="s">
        <v>834</v>
      </c>
    </row>
    <row r="98" spans="1:3" ht="12" customHeight="1">
      <c r="A98" s="316" t="s">
        <v>835</v>
      </c>
      <c r="B98" s="294" t="s">
        <v>836</v>
      </c>
    </row>
    <row r="99" spans="1:3" ht="12" customHeight="1" thickBot="1">
      <c r="A99" s="240"/>
      <c r="B99" s="212"/>
      <c r="C99" s="291"/>
    </row>
  </sheetData>
  <phoneticPr fontId="12"/>
  <pageMargins left="0.7" right="0.7" top="0.75" bottom="0.75" header="0.3" footer="0.3"/>
  <pageSetup paperSize="9" scale="95" orientation="portrait" r:id="rId1"/>
  <rowBreaks count="2" manualBreakCount="2">
    <brk id="48" max="16383" man="1"/>
    <brk id="72"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数量算出ﾁｪｯｸﾘｽﾄ表紙</vt:lpstr>
      <vt:lpstr>数量算出ﾁｪｯｯｸﾘｽﾄ</vt:lpstr>
      <vt:lpstr>積算数量調書ﾁｪｯｸﾘｽﾄ表紙</vt:lpstr>
      <vt:lpstr>積算数量調書ﾁｪｯｯｸﾘｽﾄ</vt:lpstr>
      <vt:lpstr>単価資料等ﾁｪｯｸﾘｽﾄ表紙</vt:lpstr>
      <vt:lpstr>単価資料等ﾁｪｯｸﾘｽﾄ</vt:lpstr>
      <vt:lpstr>単価等設定ﾁｪｯｸﾘｽﾄ</vt:lpstr>
      <vt:lpstr>数量算出ﾁｪｯｸﾘｽﾄ表紙!Print_Area</vt:lpstr>
      <vt:lpstr>数量算出ﾁｪｯｯｸﾘｽﾄ!Print_Area</vt:lpstr>
      <vt:lpstr>積算数量調書ﾁｪｯｸﾘｽﾄ表紙!Print_Area</vt:lpstr>
      <vt:lpstr>積算数量調書ﾁｪｯｯｸﾘｽﾄ!Print_Area</vt:lpstr>
      <vt:lpstr>単価資料等ﾁｪｯｸﾘｽﾄ!Print_Area</vt:lpstr>
      <vt:lpstr>単価資料等ﾁｪｯｸﾘｽﾄ表紙!Print_Area</vt:lpstr>
      <vt:lpstr>単価等設定ﾁｪｯｸﾘｽﾄ!Print_Area</vt:lpstr>
    </vt:vector>
  </TitlesOfParts>
  <Company>国土交通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行政情報システム室</dc:creator>
  <cp:lastModifiedBy>user</cp:lastModifiedBy>
  <cp:lastPrinted>2021-03-18T22:48:00Z</cp:lastPrinted>
  <dcterms:created xsi:type="dcterms:W3CDTF">2009-03-25T11:46:25Z</dcterms:created>
  <dcterms:modified xsi:type="dcterms:W3CDTF">2024-04-19T09:05:53Z</dcterms:modified>
</cp:coreProperties>
</file>